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696" r:id="rId5"/>
  </p:sldMasterIdLst>
  <p:notesMasterIdLst>
    <p:notesMasterId r:id="rId30"/>
  </p:notesMasterIdLst>
  <p:handoutMasterIdLst>
    <p:handoutMasterId r:id="rId31"/>
  </p:handoutMasterIdLst>
  <p:sldIdLst>
    <p:sldId id="256" r:id="rId6"/>
    <p:sldId id="265" r:id="rId7"/>
    <p:sldId id="314" r:id="rId8"/>
    <p:sldId id="323" r:id="rId9"/>
    <p:sldId id="326" r:id="rId10"/>
    <p:sldId id="325" r:id="rId11"/>
    <p:sldId id="324" r:id="rId12"/>
    <p:sldId id="350" r:id="rId13"/>
    <p:sldId id="327" r:id="rId14"/>
    <p:sldId id="328" r:id="rId15"/>
    <p:sldId id="336" r:id="rId16"/>
    <p:sldId id="329" r:id="rId17"/>
    <p:sldId id="351" r:id="rId18"/>
    <p:sldId id="337" r:id="rId19"/>
    <p:sldId id="332" r:id="rId20"/>
    <p:sldId id="318" r:id="rId21"/>
    <p:sldId id="345" r:id="rId22"/>
    <p:sldId id="342" r:id="rId23"/>
    <p:sldId id="344" r:id="rId24"/>
    <p:sldId id="320" r:id="rId25"/>
    <p:sldId id="333" r:id="rId26"/>
    <p:sldId id="331" r:id="rId27"/>
    <p:sldId id="316" r:id="rId28"/>
    <p:sldId id="317" r:id="rId29"/>
  </p:sldIdLst>
  <p:sldSz cx="12192000" cy="6858000"/>
  <p:notesSz cx="6805613" cy="9944100"/>
  <p:custDataLst>
    <p:tags r:id="rId32"/>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sektion" id="{53A71387-CCA3-45D1-BDBC-ABF4B303024C}">
          <p14:sldIdLst>
            <p14:sldId id="256"/>
            <p14:sldId id="265"/>
            <p14:sldId id="314"/>
            <p14:sldId id="323"/>
            <p14:sldId id="326"/>
            <p14:sldId id="325"/>
            <p14:sldId id="324"/>
            <p14:sldId id="350"/>
            <p14:sldId id="327"/>
            <p14:sldId id="328"/>
            <p14:sldId id="336"/>
            <p14:sldId id="329"/>
            <p14:sldId id="351"/>
            <p14:sldId id="337"/>
            <p14:sldId id="332"/>
            <p14:sldId id="318"/>
            <p14:sldId id="345"/>
            <p14:sldId id="342"/>
            <p14:sldId id="344"/>
            <p14:sldId id="320"/>
            <p14:sldId id="333"/>
            <p14:sldId id="331"/>
            <p14:sldId id="316"/>
            <p14:sldId id="317"/>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2D6C7BDB-DB96-B6BB-B6B2-5359418D7006}" name="Ilham Timimi" initials="IT" userId="S::ilti@vd.dk::fb573b2d-6039-489c-a6a3-4841286e457d"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8A8E8C6-1790-4C9C-9548-2567BEBDA90B}" v="412" dt="2024-09-16T18:46:46.671"/>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75323" autoAdjust="0"/>
  </p:normalViewPr>
  <p:slideViewPr>
    <p:cSldViewPr snapToGrid="0">
      <p:cViewPr varScale="1">
        <p:scale>
          <a:sx n="74" d="100"/>
          <a:sy n="74" d="100"/>
        </p:scale>
        <p:origin x="1013" y="72"/>
      </p:cViewPr>
      <p:guideLst>
        <p:guide orient="horz" pos="2160"/>
        <p:guide pos="3840"/>
      </p:guideLst>
    </p:cSldViewPr>
  </p:slideViewPr>
  <p:notesTextViewPr>
    <p:cViewPr>
      <p:scale>
        <a:sx n="200" d="100"/>
        <a:sy n="200" d="100"/>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microsoft.com/office/2018/10/relationships/authors" Target="authors.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38"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tags" Target="tags/tag1.xml"/><Relationship Id="rId37"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notesMaster" Target="notesMasters/notesMaster1.xml"/><Relationship Id="rId35"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Ilham Timimi" userId="fb573b2d-6039-489c-a6a3-4841286e457d" providerId="ADAL" clId="{58A8E8C6-1790-4C9C-9548-2567BEBDA90B}"/>
    <pc:docChg chg="undo redo custSel addSld delSld modSld sldOrd addMainMaster modSection replTag">
      <pc:chgData name="Ilham Timimi" userId="fb573b2d-6039-489c-a6a3-4841286e457d" providerId="ADAL" clId="{58A8E8C6-1790-4C9C-9548-2567BEBDA90B}" dt="2024-09-19T12:27:51.244" v="21253" actId="20577"/>
      <pc:docMkLst>
        <pc:docMk/>
      </pc:docMkLst>
      <pc:sldChg chg="addSp delSp modSp mod modTransition delAnim modAnim">
        <pc:chgData name="Ilham Timimi" userId="fb573b2d-6039-489c-a6a3-4841286e457d" providerId="ADAL" clId="{58A8E8C6-1790-4C9C-9548-2567BEBDA90B}" dt="2024-09-16T18:46:46.670" v="21224" actId="14100"/>
        <pc:sldMkLst>
          <pc:docMk/>
          <pc:sldMk cId="3592706748" sldId="256"/>
        </pc:sldMkLst>
        <pc:spChg chg="mod">
          <ac:chgData name="Ilham Timimi" userId="fb573b2d-6039-489c-a6a3-4841286e457d" providerId="ADAL" clId="{58A8E8C6-1790-4C9C-9548-2567BEBDA90B}" dt="2024-09-16T18:46:15.985" v="21223" actId="20577"/>
          <ac:spMkLst>
            <pc:docMk/>
            <pc:sldMk cId="3592706748" sldId="256"/>
            <ac:spMk id="17" creationId="{E278A9BE-630E-C5C4-860F-F16EB3729BD4}"/>
          </ac:spMkLst>
        </pc:spChg>
        <pc:spChg chg="mod">
          <ac:chgData name="Ilham Timimi" userId="fb573b2d-6039-489c-a6a3-4841286e457d" providerId="ADAL" clId="{58A8E8C6-1790-4C9C-9548-2567BEBDA90B}" dt="2024-09-16T18:46:46.670" v="21224" actId="14100"/>
          <ac:spMkLst>
            <pc:docMk/>
            <pc:sldMk cId="3592706748" sldId="256"/>
            <ac:spMk id="18" creationId="{385692D7-4A82-974D-E7FC-79FA56BB5D3C}"/>
          </ac:spMkLst>
        </pc:spChg>
        <pc:picChg chg="add del mod ord">
          <ac:chgData name="Ilham Timimi" userId="fb573b2d-6039-489c-a6a3-4841286e457d" providerId="ADAL" clId="{58A8E8C6-1790-4C9C-9548-2567BEBDA90B}" dt="2024-09-09T09:31:45.317" v="17474"/>
          <ac:picMkLst>
            <pc:docMk/>
            <pc:sldMk cId="3592706748" sldId="256"/>
            <ac:picMk id="3" creationId="{80744A38-F32D-2646-EE0E-18D3475987EA}"/>
          </ac:picMkLst>
        </pc:picChg>
        <pc:picChg chg="add del mod">
          <ac:chgData name="Ilham Timimi" userId="fb573b2d-6039-489c-a6a3-4841286e457d" providerId="ADAL" clId="{58A8E8C6-1790-4C9C-9548-2567BEBDA90B}" dt="2024-09-05T10:47:26.855" v="13596" actId="478"/>
          <ac:picMkLst>
            <pc:docMk/>
            <pc:sldMk cId="3592706748" sldId="256"/>
            <ac:picMk id="4" creationId="{03DE475E-F609-3430-E40D-CAC2D4A51AA8}"/>
          </ac:picMkLst>
        </pc:picChg>
        <pc:picChg chg="add del mod">
          <ac:chgData name="Ilham Timimi" userId="fb573b2d-6039-489c-a6a3-4841286e457d" providerId="ADAL" clId="{58A8E8C6-1790-4C9C-9548-2567BEBDA90B}" dt="2024-09-05T10:34:03.219" v="13584"/>
          <ac:picMkLst>
            <pc:docMk/>
            <pc:sldMk cId="3592706748" sldId="256"/>
            <ac:picMk id="4" creationId="{46CC2B5C-4260-3895-345F-EB6A3DD65429}"/>
          </ac:picMkLst>
        </pc:picChg>
        <pc:picChg chg="add del mod">
          <ac:chgData name="Ilham Timimi" userId="fb573b2d-6039-489c-a6a3-4841286e457d" providerId="ADAL" clId="{58A8E8C6-1790-4C9C-9548-2567BEBDA90B}" dt="2024-09-10T08:27:50.905" v="19406" actId="478"/>
          <ac:picMkLst>
            <pc:docMk/>
            <pc:sldMk cId="3592706748" sldId="256"/>
            <ac:picMk id="4" creationId="{96E9402D-B53D-C48F-57C4-983320E8575C}"/>
          </ac:picMkLst>
        </pc:picChg>
        <pc:picChg chg="add del mod">
          <ac:chgData name="Ilham Timimi" userId="fb573b2d-6039-489c-a6a3-4841286e457d" providerId="ADAL" clId="{58A8E8C6-1790-4C9C-9548-2567BEBDA90B}" dt="2024-09-08T13:24:17.615" v="13756"/>
          <ac:picMkLst>
            <pc:docMk/>
            <pc:sldMk cId="3592706748" sldId="256"/>
            <ac:picMk id="6" creationId="{421B4BD7-4691-9AE6-AA9A-C1D5ACBDADBD}"/>
          </ac:picMkLst>
        </pc:picChg>
        <pc:picChg chg="add del mod">
          <ac:chgData name="Ilham Timimi" userId="fb573b2d-6039-489c-a6a3-4841286e457d" providerId="ADAL" clId="{58A8E8C6-1790-4C9C-9548-2567BEBDA90B}" dt="2024-09-13T07:43:38.898" v="21003"/>
          <ac:picMkLst>
            <pc:docMk/>
            <pc:sldMk cId="3592706748" sldId="256"/>
            <ac:picMk id="6" creationId="{95295D6B-A5CA-FD9D-A5B3-A705F247C834}"/>
          </ac:picMkLst>
        </pc:picChg>
        <pc:picChg chg="add del mod">
          <ac:chgData name="Ilham Timimi" userId="fb573b2d-6039-489c-a6a3-4841286e457d" providerId="ADAL" clId="{58A8E8C6-1790-4C9C-9548-2567BEBDA90B}" dt="2024-09-08T13:26:09.046" v="13767"/>
          <ac:picMkLst>
            <pc:docMk/>
            <pc:sldMk cId="3592706748" sldId="256"/>
            <ac:picMk id="7" creationId="{2C907A60-8D34-CFB4-DACB-D353C14BAC02}"/>
          </ac:picMkLst>
        </pc:picChg>
        <pc:picChg chg="add del mod">
          <ac:chgData name="Ilham Timimi" userId="fb573b2d-6039-489c-a6a3-4841286e457d" providerId="ADAL" clId="{58A8E8C6-1790-4C9C-9548-2567BEBDA90B}" dt="2024-09-13T08:08:09.350" v="21018"/>
          <ac:picMkLst>
            <pc:docMk/>
            <pc:sldMk cId="3592706748" sldId="256"/>
            <ac:picMk id="7" creationId="{C104CFBE-40F0-FBF3-2ECB-ADDD6E4258D1}"/>
          </ac:picMkLst>
        </pc:picChg>
        <pc:picChg chg="add del mod ord">
          <ac:chgData name="Ilham Timimi" userId="fb573b2d-6039-489c-a6a3-4841286e457d" providerId="ADAL" clId="{58A8E8C6-1790-4C9C-9548-2567BEBDA90B}" dt="2024-09-13T08:09:11.644" v="21019"/>
          <ac:picMkLst>
            <pc:docMk/>
            <pc:sldMk cId="3592706748" sldId="256"/>
            <ac:picMk id="8" creationId="{49791C6E-EC32-70D4-42CB-72AC56152B9E}"/>
          </ac:picMkLst>
        </pc:picChg>
        <pc:picChg chg="add del mod ord">
          <ac:chgData name="Ilham Timimi" userId="fb573b2d-6039-489c-a6a3-4841286e457d" providerId="ADAL" clId="{58A8E8C6-1790-4C9C-9548-2567BEBDA90B}" dt="2024-09-05T10:45:13.710" v="13585" actId="478"/>
          <ac:picMkLst>
            <pc:docMk/>
            <pc:sldMk cId="3592706748" sldId="256"/>
            <ac:picMk id="8" creationId="{EA554E20-2082-DDFE-1DB6-AA5D9BCB67F2}"/>
          </ac:picMkLst>
        </pc:picChg>
        <pc:picChg chg="add del mod">
          <ac:chgData name="Ilham Timimi" userId="fb573b2d-6039-489c-a6a3-4841286e457d" providerId="ADAL" clId="{58A8E8C6-1790-4C9C-9548-2567BEBDA90B}" dt="2024-09-13T10:00:33.644" v="21075"/>
          <ac:picMkLst>
            <pc:docMk/>
            <pc:sldMk cId="3592706748" sldId="256"/>
            <ac:picMk id="9" creationId="{97B99CCE-DF25-1A3D-BDB0-FF2BCB642153}"/>
          </ac:picMkLst>
        </pc:picChg>
        <pc:picChg chg="add del mod ord">
          <ac:chgData name="Ilham Timimi" userId="fb573b2d-6039-489c-a6a3-4841286e457d" providerId="ADAL" clId="{58A8E8C6-1790-4C9C-9548-2567BEBDA90B}" dt="2024-09-08T13:26:23.839" v="13768"/>
          <ac:picMkLst>
            <pc:docMk/>
            <pc:sldMk cId="3592706748" sldId="256"/>
            <ac:picMk id="10" creationId="{B40373CA-14C7-D886-5A54-C6F798903DA7}"/>
          </ac:picMkLst>
        </pc:picChg>
        <pc:picChg chg="add del mod">
          <ac:chgData name="Ilham Timimi" userId="fb573b2d-6039-489c-a6a3-4841286e457d" providerId="ADAL" clId="{58A8E8C6-1790-4C9C-9548-2567BEBDA90B}" dt="2024-09-05T10:48:38.851" v="13599"/>
          <ac:picMkLst>
            <pc:docMk/>
            <pc:sldMk cId="3592706748" sldId="256"/>
            <ac:picMk id="10" creationId="{F407B92C-96B9-02EB-3368-DD460308552D}"/>
          </ac:picMkLst>
        </pc:picChg>
        <pc:picChg chg="add del mod ord">
          <ac:chgData name="Ilham Timimi" userId="fb573b2d-6039-489c-a6a3-4841286e457d" providerId="ADAL" clId="{58A8E8C6-1790-4C9C-9548-2567BEBDA90B}" dt="2024-09-13T10:56:01.187" v="21076"/>
          <ac:picMkLst>
            <pc:docMk/>
            <pc:sldMk cId="3592706748" sldId="256"/>
            <ac:picMk id="11" creationId="{45675A4B-485D-22A7-BA18-7BDF88AC94D0}"/>
          </ac:picMkLst>
        </pc:picChg>
        <pc:picChg chg="add del mod">
          <ac:chgData name="Ilham Timimi" userId="fb573b2d-6039-489c-a6a3-4841286e457d" providerId="ADAL" clId="{58A8E8C6-1790-4C9C-9548-2567BEBDA90B}" dt="2024-09-05T10:49:06.161" v="13610"/>
          <ac:picMkLst>
            <pc:docMk/>
            <pc:sldMk cId="3592706748" sldId="256"/>
            <ac:picMk id="11" creationId="{4A520593-5BC3-B4AE-8126-DE7F942DBBBB}"/>
          </ac:picMkLst>
        </pc:picChg>
        <pc:picChg chg="add del mod">
          <ac:chgData name="Ilham Timimi" userId="fb573b2d-6039-489c-a6a3-4841286e457d" providerId="ADAL" clId="{58A8E8C6-1790-4C9C-9548-2567BEBDA90B}" dt="2024-09-08T13:26:29.105" v="13769" actId="478"/>
          <ac:picMkLst>
            <pc:docMk/>
            <pc:sldMk cId="3592706748" sldId="256"/>
            <ac:picMk id="11" creationId="{9DBBCD62-B637-7105-0627-D360BBE72719}"/>
          </ac:picMkLst>
        </pc:picChg>
        <pc:picChg chg="add mod">
          <ac:chgData name="Ilham Timimi" userId="fb573b2d-6039-489c-a6a3-4841286e457d" providerId="ADAL" clId="{58A8E8C6-1790-4C9C-9548-2567BEBDA90B}" dt="2024-09-13T10:56:01.187" v="21076"/>
          <ac:picMkLst>
            <pc:docMk/>
            <pc:sldMk cId="3592706748" sldId="256"/>
            <ac:picMk id="12" creationId="{DF037D58-9081-B3FC-D15B-DF65C0DF3CB8}"/>
          </ac:picMkLst>
        </pc:picChg>
        <pc:picChg chg="add del mod ord">
          <ac:chgData name="Ilham Timimi" userId="fb573b2d-6039-489c-a6a3-4841286e457d" providerId="ADAL" clId="{58A8E8C6-1790-4C9C-9548-2567BEBDA90B}" dt="2024-09-05T10:55:14.179" v="13611"/>
          <ac:picMkLst>
            <pc:docMk/>
            <pc:sldMk cId="3592706748" sldId="256"/>
            <ac:picMk id="13" creationId="{0D6E7BD8-1C94-A851-216F-A4898DDA6D9A}"/>
          </ac:picMkLst>
        </pc:picChg>
        <pc:picChg chg="add del mod">
          <ac:chgData name="Ilham Timimi" userId="fb573b2d-6039-489c-a6a3-4841286e457d" providerId="ADAL" clId="{58A8E8C6-1790-4C9C-9548-2567BEBDA90B}" dt="2024-09-08T13:16:17.986" v="13741" actId="478"/>
          <ac:picMkLst>
            <pc:docMk/>
            <pc:sldMk cId="3592706748" sldId="256"/>
            <ac:picMk id="14" creationId="{95613388-B015-16E0-2D54-74E6071FC8FB}"/>
          </ac:picMkLst>
        </pc:picChg>
        <pc:picChg chg="add del mod">
          <ac:chgData name="Ilham Timimi" userId="fb573b2d-6039-489c-a6a3-4841286e457d" providerId="ADAL" clId="{58A8E8C6-1790-4C9C-9548-2567BEBDA90B}" dt="2024-09-08T13:29:13.016" v="13773"/>
          <ac:picMkLst>
            <pc:docMk/>
            <pc:sldMk cId="3592706748" sldId="256"/>
            <ac:picMk id="15" creationId="{4C6C6A25-4743-7399-E9C6-73535C2EDBBD}"/>
          </ac:picMkLst>
        </pc:picChg>
        <pc:picChg chg="add del mod">
          <ac:chgData name="Ilham Timimi" userId="fb573b2d-6039-489c-a6a3-4841286e457d" providerId="ADAL" clId="{58A8E8C6-1790-4C9C-9548-2567BEBDA90B}" dt="2024-09-08T14:22:56.250" v="13779"/>
          <ac:picMkLst>
            <pc:docMk/>
            <pc:sldMk cId="3592706748" sldId="256"/>
            <ac:picMk id="16" creationId="{EF40580C-8083-AF7A-6EA8-95D91E90318C}"/>
          </ac:picMkLst>
        </pc:picChg>
        <pc:picChg chg="add del mod ord">
          <ac:chgData name="Ilham Timimi" userId="fb573b2d-6039-489c-a6a3-4841286e457d" providerId="ADAL" clId="{58A8E8C6-1790-4C9C-9548-2567BEBDA90B}" dt="2024-09-08T14:31:53.425" v="13780"/>
          <ac:picMkLst>
            <pc:docMk/>
            <pc:sldMk cId="3592706748" sldId="256"/>
            <ac:picMk id="19" creationId="{BBA368AC-F6E6-8189-C7D2-F82EF1F04CF9}"/>
          </ac:picMkLst>
        </pc:picChg>
        <pc:picChg chg="add del mod">
          <ac:chgData name="Ilham Timimi" userId="fb573b2d-6039-489c-a6a3-4841286e457d" providerId="ADAL" clId="{58A8E8C6-1790-4C9C-9548-2567BEBDA90B}" dt="2024-09-09T09:03:46.640" v="17473"/>
          <ac:picMkLst>
            <pc:docMk/>
            <pc:sldMk cId="3592706748" sldId="256"/>
            <ac:picMk id="20" creationId="{9EDFA91C-772E-3F02-D306-0544DF95E14A}"/>
          </ac:picMkLst>
        </pc:picChg>
      </pc:sldChg>
      <pc:sldChg chg="addSp delSp modSp mod modTransition delAnim modAnim">
        <pc:chgData name="Ilham Timimi" userId="fb573b2d-6039-489c-a6a3-4841286e457d" providerId="ADAL" clId="{58A8E8C6-1790-4C9C-9548-2567BEBDA90B}" dt="2024-09-16T19:00:04.971" v="21225" actId="20577"/>
        <pc:sldMkLst>
          <pc:docMk/>
          <pc:sldMk cId="3774048680" sldId="265"/>
        </pc:sldMkLst>
        <pc:spChg chg="mod">
          <ac:chgData name="Ilham Timimi" userId="fb573b2d-6039-489c-a6a3-4841286e457d" providerId="ADAL" clId="{58A8E8C6-1790-4C9C-9548-2567BEBDA90B}" dt="2024-09-16T19:00:04.971" v="21225" actId="20577"/>
          <ac:spMkLst>
            <pc:docMk/>
            <pc:sldMk cId="3774048680" sldId="265"/>
            <ac:spMk id="61" creationId="{A3399CB6-6B8A-08DD-5006-A863A3631D91}"/>
          </ac:spMkLst>
        </pc:spChg>
        <pc:picChg chg="add del mod ord">
          <ac:chgData name="Ilham Timimi" userId="fb573b2d-6039-489c-a6a3-4841286e457d" providerId="ADAL" clId="{58A8E8C6-1790-4C9C-9548-2567BEBDA90B}" dt="2024-09-09T09:31:45.317" v="17474"/>
          <ac:picMkLst>
            <pc:docMk/>
            <pc:sldMk cId="3774048680" sldId="265"/>
            <ac:picMk id="2" creationId="{BF086ECE-2F24-8364-2911-4D248D326CC6}"/>
          </ac:picMkLst>
        </pc:picChg>
        <pc:picChg chg="add del mod">
          <ac:chgData name="Ilham Timimi" userId="fb573b2d-6039-489c-a6a3-4841286e457d" providerId="ADAL" clId="{58A8E8C6-1790-4C9C-9548-2567BEBDA90B}" dt="2024-09-10T08:27:53.012" v="19407" actId="478"/>
          <ac:picMkLst>
            <pc:docMk/>
            <pc:sldMk cId="3774048680" sldId="265"/>
            <ac:picMk id="3" creationId="{4C4A25A6-47D9-09DE-15A3-768D24C955E9}"/>
          </ac:picMkLst>
        </pc:picChg>
        <pc:picChg chg="add del mod">
          <ac:chgData name="Ilham Timimi" userId="fb573b2d-6039-489c-a6a3-4841286e457d" providerId="ADAL" clId="{58A8E8C6-1790-4C9C-9548-2567BEBDA90B}" dt="2024-09-05T10:45:16.812" v="13586" actId="478"/>
          <ac:picMkLst>
            <pc:docMk/>
            <pc:sldMk cId="3774048680" sldId="265"/>
            <ac:picMk id="4" creationId="{046BA523-32BD-5DF3-EEF8-755F74752817}"/>
          </ac:picMkLst>
        </pc:picChg>
        <pc:picChg chg="add del mod">
          <ac:chgData name="Ilham Timimi" userId="fb573b2d-6039-489c-a6a3-4841286e457d" providerId="ADAL" clId="{58A8E8C6-1790-4C9C-9548-2567BEBDA90B}" dt="2024-09-13T07:43:38.898" v="21003"/>
          <ac:picMkLst>
            <pc:docMk/>
            <pc:sldMk cId="3774048680" sldId="265"/>
            <ac:picMk id="4" creationId="{2CD4EEC8-4339-D336-F431-BF7981B4EA4D}"/>
          </ac:picMkLst>
        </pc:picChg>
        <pc:picChg chg="add del mod">
          <ac:chgData name="Ilham Timimi" userId="fb573b2d-6039-489c-a6a3-4841286e457d" providerId="ADAL" clId="{58A8E8C6-1790-4C9C-9548-2567BEBDA90B}" dt="2024-09-08T13:26:32.290" v="13770" actId="478"/>
          <ac:picMkLst>
            <pc:docMk/>
            <pc:sldMk cId="3774048680" sldId="265"/>
            <ac:picMk id="4" creationId="{F0D994FD-995F-8289-7E59-8768B6687C96}"/>
          </ac:picMkLst>
        </pc:picChg>
        <pc:picChg chg="add del mod">
          <ac:chgData name="Ilham Timimi" userId="fb573b2d-6039-489c-a6a3-4841286e457d" providerId="ADAL" clId="{58A8E8C6-1790-4C9C-9548-2567BEBDA90B}" dt="2024-09-13T08:08:09.350" v="21018"/>
          <ac:picMkLst>
            <pc:docMk/>
            <pc:sldMk cId="3774048680" sldId="265"/>
            <ac:picMk id="5" creationId="{1568B1D0-1B1E-BDC6-234D-52BA4E3A33DC}"/>
          </ac:picMkLst>
        </pc:picChg>
        <pc:picChg chg="add del mod">
          <ac:chgData name="Ilham Timimi" userId="fb573b2d-6039-489c-a6a3-4841286e457d" providerId="ADAL" clId="{58A8E8C6-1790-4C9C-9548-2567BEBDA90B}" dt="2024-09-05T10:55:14.179" v="13611"/>
          <ac:picMkLst>
            <pc:docMk/>
            <pc:sldMk cId="3774048680" sldId="265"/>
            <ac:picMk id="5" creationId="{40D4F7FF-83EF-2866-6C1F-8FF9015E78C9}"/>
          </ac:picMkLst>
        </pc:picChg>
        <pc:picChg chg="add del mod">
          <ac:chgData name="Ilham Timimi" userId="fb573b2d-6039-489c-a6a3-4841286e457d" providerId="ADAL" clId="{58A8E8C6-1790-4C9C-9548-2567BEBDA90B}" dt="2024-09-08T13:25:53.298" v="13757" actId="478"/>
          <ac:picMkLst>
            <pc:docMk/>
            <pc:sldMk cId="3774048680" sldId="265"/>
            <ac:picMk id="6" creationId="{179AE647-386E-6816-FDD6-F4EF11031BED}"/>
          </ac:picMkLst>
        </pc:picChg>
        <pc:picChg chg="add del mod ord">
          <ac:chgData name="Ilham Timimi" userId="fb573b2d-6039-489c-a6a3-4841286e457d" providerId="ADAL" clId="{58A8E8C6-1790-4C9C-9548-2567BEBDA90B}" dt="2024-09-13T08:09:11.644" v="21019"/>
          <ac:picMkLst>
            <pc:docMk/>
            <pc:sldMk cId="3774048680" sldId="265"/>
            <ac:picMk id="6" creationId="{A7DCC2EF-A8E3-1611-2675-B005DD0AB527}"/>
          </ac:picMkLst>
        </pc:picChg>
        <pc:picChg chg="add del mod">
          <ac:chgData name="Ilham Timimi" userId="fb573b2d-6039-489c-a6a3-4841286e457d" providerId="ADAL" clId="{58A8E8C6-1790-4C9C-9548-2567BEBDA90B}" dt="2024-09-13T10:00:33.644" v="21075"/>
          <ac:picMkLst>
            <pc:docMk/>
            <pc:sldMk cId="3774048680" sldId="265"/>
            <ac:picMk id="7" creationId="{E8855F0B-E963-7295-CB26-B1EDED907455}"/>
          </ac:picMkLst>
        </pc:picChg>
        <pc:picChg chg="add del mod">
          <ac:chgData name="Ilham Timimi" userId="fb573b2d-6039-489c-a6a3-4841286e457d" providerId="ADAL" clId="{58A8E8C6-1790-4C9C-9548-2567BEBDA90B}" dt="2024-09-08T14:22:56.250" v="13779"/>
          <ac:picMkLst>
            <pc:docMk/>
            <pc:sldMk cId="3774048680" sldId="265"/>
            <ac:picMk id="7" creationId="{F6F085CC-8DA8-1907-063D-A9176328F81C}"/>
          </ac:picMkLst>
        </pc:picChg>
        <pc:picChg chg="add del mod ord">
          <ac:chgData name="Ilham Timimi" userId="fb573b2d-6039-489c-a6a3-4841286e457d" providerId="ADAL" clId="{58A8E8C6-1790-4C9C-9548-2567BEBDA90B}" dt="2024-09-08T14:31:53.425" v="13780"/>
          <ac:picMkLst>
            <pc:docMk/>
            <pc:sldMk cId="3774048680" sldId="265"/>
            <ac:picMk id="8" creationId="{6C334F93-0E4F-520E-933C-4B196C936EA1}"/>
          </ac:picMkLst>
        </pc:picChg>
        <pc:picChg chg="add del mod ord">
          <ac:chgData name="Ilham Timimi" userId="fb573b2d-6039-489c-a6a3-4841286e457d" providerId="ADAL" clId="{58A8E8C6-1790-4C9C-9548-2567BEBDA90B}" dt="2024-09-13T10:56:01.187" v="21076"/>
          <ac:picMkLst>
            <pc:docMk/>
            <pc:sldMk cId="3774048680" sldId="265"/>
            <ac:picMk id="9" creationId="{471D71A4-C966-A3B5-ADF5-31C023372155}"/>
          </ac:picMkLst>
        </pc:picChg>
        <pc:picChg chg="add del mod">
          <ac:chgData name="Ilham Timimi" userId="fb573b2d-6039-489c-a6a3-4841286e457d" providerId="ADAL" clId="{58A8E8C6-1790-4C9C-9548-2567BEBDA90B}" dt="2024-09-09T09:03:46.640" v="17473"/>
          <ac:picMkLst>
            <pc:docMk/>
            <pc:sldMk cId="3774048680" sldId="265"/>
            <ac:picMk id="9" creationId="{E0AAA85C-D901-5007-42AA-3BDC06D18939}"/>
          </ac:picMkLst>
        </pc:picChg>
        <pc:picChg chg="add mod">
          <ac:chgData name="Ilham Timimi" userId="fb573b2d-6039-489c-a6a3-4841286e457d" providerId="ADAL" clId="{58A8E8C6-1790-4C9C-9548-2567BEBDA90B}" dt="2024-09-13T10:56:01.187" v="21076"/>
          <ac:picMkLst>
            <pc:docMk/>
            <pc:sldMk cId="3774048680" sldId="265"/>
            <ac:picMk id="10" creationId="{C11311E2-DC02-35EC-B616-E60A93C972C2}"/>
          </ac:picMkLst>
        </pc:picChg>
        <pc:picChg chg="mod">
          <ac:chgData name="Ilham Timimi" userId="fb573b2d-6039-489c-a6a3-4841286e457d" providerId="ADAL" clId="{58A8E8C6-1790-4C9C-9548-2567BEBDA90B}" dt="2024-09-10T08:26:38.943" v="19346"/>
          <ac:picMkLst>
            <pc:docMk/>
            <pc:sldMk cId="3774048680" sldId="265"/>
            <ac:picMk id="69" creationId="{9F78F921-F752-CAA9-50F9-2F52C33DE5D6}"/>
          </ac:picMkLst>
        </pc:picChg>
      </pc:sldChg>
      <pc:sldChg chg="addSp delSp modSp mod modTransition delAnim modAnim">
        <pc:chgData name="Ilham Timimi" userId="fb573b2d-6039-489c-a6a3-4841286e457d" providerId="ADAL" clId="{58A8E8C6-1790-4C9C-9548-2567BEBDA90B}" dt="2024-09-13T10:56:01.187" v="21076"/>
        <pc:sldMkLst>
          <pc:docMk/>
          <pc:sldMk cId="3101960133" sldId="314"/>
        </pc:sldMkLst>
        <pc:picChg chg="add del mod ord">
          <ac:chgData name="Ilham Timimi" userId="fb573b2d-6039-489c-a6a3-4841286e457d" providerId="ADAL" clId="{58A8E8C6-1790-4C9C-9548-2567BEBDA90B}" dt="2024-09-08T13:29:13.016" v="13773"/>
          <ac:picMkLst>
            <pc:docMk/>
            <pc:sldMk cId="3101960133" sldId="314"/>
            <ac:picMk id="2" creationId="{0C666151-78B0-9A5A-526B-5AF7F945B5E1}"/>
          </ac:picMkLst>
        </pc:picChg>
        <pc:picChg chg="add del mod ord">
          <ac:chgData name="Ilham Timimi" userId="fb573b2d-6039-489c-a6a3-4841286e457d" providerId="ADAL" clId="{58A8E8C6-1790-4C9C-9548-2567BEBDA90B}" dt="2024-09-09T09:31:45.317" v="17474"/>
          <ac:picMkLst>
            <pc:docMk/>
            <pc:sldMk cId="3101960133" sldId="314"/>
            <ac:picMk id="2" creationId="{57C46189-C71D-DB00-D911-E89F5190741C}"/>
          </ac:picMkLst>
        </pc:picChg>
        <pc:picChg chg="add del mod">
          <ac:chgData name="Ilham Timimi" userId="fb573b2d-6039-489c-a6a3-4841286e457d" providerId="ADAL" clId="{58A8E8C6-1790-4C9C-9548-2567BEBDA90B}" dt="2024-09-05T10:55:14.179" v="13611"/>
          <ac:picMkLst>
            <pc:docMk/>
            <pc:sldMk cId="3101960133" sldId="314"/>
            <ac:picMk id="2" creationId="{977CCFAF-2C95-4148-F74A-01C521E0933E}"/>
          </ac:picMkLst>
        </pc:picChg>
        <pc:picChg chg="add del mod">
          <ac:chgData name="Ilham Timimi" userId="fb573b2d-6039-489c-a6a3-4841286e457d" providerId="ADAL" clId="{58A8E8C6-1790-4C9C-9548-2567BEBDA90B}" dt="2024-09-13T07:43:38.898" v="21003"/>
          <ac:picMkLst>
            <pc:docMk/>
            <pc:sldMk cId="3101960133" sldId="314"/>
            <ac:picMk id="2" creationId="{E2AB2EBD-1DAC-19B0-2B07-628E6D5A18E4}"/>
          </ac:picMkLst>
        </pc:picChg>
        <pc:picChg chg="add del mod">
          <ac:chgData name="Ilham Timimi" userId="fb573b2d-6039-489c-a6a3-4841286e457d" providerId="ADAL" clId="{58A8E8C6-1790-4C9C-9548-2567BEBDA90B}" dt="2024-09-13T08:08:09.350" v="21018"/>
          <ac:picMkLst>
            <pc:docMk/>
            <pc:sldMk cId="3101960133" sldId="314"/>
            <ac:picMk id="3" creationId="{4EF410FB-F6EB-2651-369C-209F057EFFE0}"/>
          </ac:picMkLst>
        </pc:picChg>
        <pc:picChg chg="add del mod">
          <ac:chgData name="Ilham Timimi" userId="fb573b2d-6039-489c-a6a3-4841286e457d" providerId="ADAL" clId="{58A8E8C6-1790-4C9C-9548-2567BEBDA90B}" dt="2024-09-10T08:27:54.948" v="19408" actId="478"/>
          <ac:picMkLst>
            <pc:docMk/>
            <pc:sldMk cId="3101960133" sldId="314"/>
            <ac:picMk id="3" creationId="{A381B7B6-30DE-5C8A-4B30-983596B51546}"/>
          </ac:picMkLst>
        </pc:picChg>
        <pc:picChg chg="add del mod">
          <ac:chgData name="Ilham Timimi" userId="fb573b2d-6039-489c-a6a3-4841286e457d" providerId="ADAL" clId="{58A8E8C6-1790-4C9C-9548-2567BEBDA90B}" dt="2024-09-05T10:45:19.453" v="13587" actId="478"/>
          <ac:picMkLst>
            <pc:docMk/>
            <pc:sldMk cId="3101960133" sldId="314"/>
            <ac:picMk id="3" creationId="{D682F538-EBAC-44F4-9DC4-B054085D76C6}"/>
          </ac:picMkLst>
        </pc:picChg>
        <pc:picChg chg="add del mod">
          <ac:chgData name="Ilham Timimi" userId="fb573b2d-6039-489c-a6a3-4841286e457d" providerId="ADAL" clId="{58A8E8C6-1790-4C9C-9548-2567BEBDA90B}" dt="2024-09-08T14:22:56.250" v="13779"/>
          <ac:picMkLst>
            <pc:docMk/>
            <pc:sldMk cId="3101960133" sldId="314"/>
            <ac:picMk id="3" creationId="{E58B3AEA-FDB7-9F39-469C-0A58589FA547}"/>
          </ac:picMkLst>
        </pc:picChg>
        <pc:picChg chg="add del mod">
          <ac:chgData name="Ilham Timimi" userId="fb573b2d-6039-489c-a6a3-4841286e457d" providerId="ADAL" clId="{58A8E8C6-1790-4C9C-9548-2567BEBDA90B}" dt="2024-09-08T13:26:09.046" v="13767"/>
          <ac:picMkLst>
            <pc:docMk/>
            <pc:sldMk cId="3101960133" sldId="314"/>
            <ac:picMk id="4" creationId="{A47CCCC1-8544-C576-1835-599EA64C4708}"/>
          </ac:picMkLst>
        </pc:picChg>
        <pc:picChg chg="add del mod ord">
          <ac:chgData name="Ilham Timimi" userId="fb573b2d-6039-489c-a6a3-4841286e457d" providerId="ADAL" clId="{58A8E8C6-1790-4C9C-9548-2567BEBDA90B}" dt="2024-09-13T08:09:11.644" v="21019"/>
          <ac:picMkLst>
            <pc:docMk/>
            <pc:sldMk cId="3101960133" sldId="314"/>
            <ac:picMk id="4" creationId="{A5A1E835-1FEA-7C87-EB2A-80D0F901F94C}"/>
          </ac:picMkLst>
        </pc:picChg>
        <pc:picChg chg="add del mod ord">
          <ac:chgData name="Ilham Timimi" userId="fb573b2d-6039-489c-a6a3-4841286e457d" providerId="ADAL" clId="{58A8E8C6-1790-4C9C-9548-2567BEBDA90B}" dt="2024-09-08T14:31:53.425" v="13780"/>
          <ac:picMkLst>
            <pc:docMk/>
            <pc:sldMk cId="3101960133" sldId="314"/>
            <ac:picMk id="7" creationId="{2358A6A9-6B04-8C6D-F243-DB0E4B978B3A}"/>
          </ac:picMkLst>
        </pc:picChg>
        <pc:picChg chg="add del mod">
          <ac:chgData name="Ilham Timimi" userId="fb573b2d-6039-489c-a6a3-4841286e457d" providerId="ADAL" clId="{58A8E8C6-1790-4C9C-9548-2567BEBDA90B}" dt="2024-09-13T10:00:33.644" v="21075"/>
          <ac:picMkLst>
            <pc:docMk/>
            <pc:sldMk cId="3101960133" sldId="314"/>
            <ac:picMk id="7" creationId="{D71E6031-0E4C-8B66-1222-F197F6ED8BC4}"/>
          </ac:picMkLst>
        </pc:picChg>
        <pc:picChg chg="add del mod">
          <ac:chgData name="Ilham Timimi" userId="fb573b2d-6039-489c-a6a3-4841286e457d" providerId="ADAL" clId="{58A8E8C6-1790-4C9C-9548-2567BEBDA90B}" dt="2024-09-09T09:03:46.640" v="17473"/>
          <ac:picMkLst>
            <pc:docMk/>
            <pc:sldMk cId="3101960133" sldId="314"/>
            <ac:picMk id="8" creationId="{B3CBDBD2-B6E9-98DE-424E-C73ED00BC872}"/>
          </ac:picMkLst>
        </pc:picChg>
        <pc:picChg chg="add del mod ord">
          <ac:chgData name="Ilham Timimi" userId="fb573b2d-6039-489c-a6a3-4841286e457d" providerId="ADAL" clId="{58A8E8C6-1790-4C9C-9548-2567BEBDA90B}" dt="2024-09-13T10:56:01.187" v="21076"/>
          <ac:picMkLst>
            <pc:docMk/>
            <pc:sldMk cId="3101960133" sldId="314"/>
            <ac:picMk id="8" creationId="{E443B1C1-84FF-4FED-5D07-6F306741B747}"/>
          </ac:picMkLst>
        </pc:picChg>
        <pc:picChg chg="add mod">
          <ac:chgData name="Ilham Timimi" userId="fb573b2d-6039-489c-a6a3-4841286e457d" providerId="ADAL" clId="{58A8E8C6-1790-4C9C-9548-2567BEBDA90B}" dt="2024-09-13T10:56:01.187" v="21076"/>
          <ac:picMkLst>
            <pc:docMk/>
            <pc:sldMk cId="3101960133" sldId="314"/>
            <ac:picMk id="9" creationId="{9469B1BD-5CFD-88C2-DA7D-8EA7EF2C409D}"/>
          </ac:picMkLst>
        </pc:picChg>
      </pc:sldChg>
      <pc:sldChg chg="addSp modSp modTransition">
        <pc:chgData name="Ilham Timimi" userId="fb573b2d-6039-489c-a6a3-4841286e457d" providerId="ADAL" clId="{58A8E8C6-1790-4C9C-9548-2567BEBDA90B}" dt="2024-09-13T10:56:01.187" v="21076"/>
        <pc:sldMkLst>
          <pc:docMk/>
          <pc:sldMk cId="1123558383" sldId="316"/>
        </pc:sldMkLst>
        <pc:picChg chg="add mod">
          <ac:chgData name="Ilham Timimi" userId="fb573b2d-6039-489c-a6a3-4841286e457d" providerId="ADAL" clId="{58A8E8C6-1790-4C9C-9548-2567BEBDA90B}" dt="2024-09-13T10:56:01.187" v="21076"/>
          <ac:picMkLst>
            <pc:docMk/>
            <pc:sldMk cId="1123558383" sldId="316"/>
            <ac:picMk id="7" creationId="{751EAA07-6774-F69F-5DFC-B3991123A913}"/>
          </ac:picMkLst>
        </pc:picChg>
      </pc:sldChg>
      <pc:sldChg chg="addSp modSp modTransition">
        <pc:chgData name="Ilham Timimi" userId="fb573b2d-6039-489c-a6a3-4841286e457d" providerId="ADAL" clId="{58A8E8C6-1790-4C9C-9548-2567BEBDA90B}" dt="2024-09-13T10:56:01.187" v="21076"/>
        <pc:sldMkLst>
          <pc:docMk/>
          <pc:sldMk cId="885398750" sldId="317"/>
        </pc:sldMkLst>
        <pc:picChg chg="add mod">
          <ac:chgData name="Ilham Timimi" userId="fb573b2d-6039-489c-a6a3-4841286e457d" providerId="ADAL" clId="{58A8E8C6-1790-4C9C-9548-2567BEBDA90B}" dt="2024-09-13T10:56:01.187" v="21076"/>
          <ac:picMkLst>
            <pc:docMk/>
            <pc:sldMk cId="885398750" sldId="317"/>
            <ac:picMk id="7" creationId="{DD869D3A-43B8-68B3-F7F9-742B5FB20FED}"/>
          </ac:picMkLst>
        </pc:picChg>
      </pc:sldChg>
      <pc:sldChg chg="addSp delSp modSp mod modTransition delAnim modAnim modNotesTx">
        <pc:chgData name="Ilham Timimi" userId="fb573b2d-6039-489c-a6a3-4841286e457d" providerId="ADAL" clId="{58A8E8C6-1790-4C9C-9548-2567BEBDA90B}" dt="2024-09-19T12:26:32.392" v="21236" actId="20577"/>
        <pc:sldMkLst>
          <pc:docMk/>
          <pc:sldMk cId="2951401524" sldId="318"/>
        </pc:sldMkLst>
        <pc:spChg chg="mod">
          <ac:chgData name="Ilham Timimi" userId="fb573b2d-6039-489c-a6a3-4841286e457d" providerId="ADAL" clId="{58A8E8C6-1790-4C9C-9548-2567BEBDA90B}" dt="2024-09-10T12:55:57.974" v="20977" actId="20577"/>
          <ac:spMkLst>
            <pc:docMk/>
            <pc:sldMk cId="2951401524" sldId="318"/>
            <ac:spMk id="3" creationId="{05CF4C38-56A2-D80A-366A-2E0837981E62}"/>
          </ac:spMkLst>
        </pc:spChg>
        <pc:spChg chg="mod">
          <ac:chgData name="Ilham Timimi" userId="fb573b2d-6039-489c-a6a3-4841286e457d" providerId="ADAL" clId="{58A8E8C6-1790-4C9C-9548-2567BEBDA90B}" dt="2024-09-10T08:12:45.447" v="18945" actId="20577"/>
          <ac:spMkLst>
            <pc:docMk/>
            <pc:sldMk cId="2951401524" sldId="318"/>
            <ac:spMk id="4" creationId="{2540924C-9F75-0B88-BA8E-ED32766FD15F}"/>
          </ac:spMkLst>
        </pc:spChg>
        <pc:picChg chg="add del mod ord">
          <ac:chgData name="Ilham Timimi" userId="fb573b2d-6039-489c-a6a3-4841286e457d" providerId="ADAL" clId="{58A8E8C6-1790-4C9C-9548-2567BEBDA90B}" dt="2024-09-13T10:56:01.187" v="21076"/>
          <ac:picMkLst>
            <pc:docMk/>
            <pc:sldMk cId="2951401524" sldId="318"/>
            <ac:picMk id="6" creationId="{4FAC7457-D762-D1FE-9FBC-AD5964669CE6}"/>
          </ac:picMkLst>
        </pc:picChg>
        <pc:picChg chg="add del mod">
          <ac:chgData name="Ilham Timimi" userId="fb573b2d-6039-489c-a6a3-4841286e457d" providerId="ADAL" clId="{58A8E8C6-1790-4C9C-9548-2567BEBDA90B}" dt="2024-09-10T06:34:53.399" v="18600"/>
          <ac:picMkLst>
            <pc:docMk/>
            <pc:sldMk cId="2951401524" sldId="318"/>
            <ac:picMk id="7" creationId="{002A60BF-57B4-D370-F0DB-09A92BA0C8E0}"/>
          </ac:picMkLst>
        </pc:picChg>
        <pc:picChg chg="add mod">
          <ac:chgData name="Ilham Timimi" userId="fb573b2d-6039-489c-a6a3-4841286e457d" providerId="ADAL" clId="{58A8E8C6-1790-4C9C-9548-2567BEBDA90B}" dt="2024-09-13T10:56:01.187" v="21076"/>
          <ac:picMkLst>
            <pc:docMk/>
            <pc:sldMk cId="2951401524" sldId="318"/>
            <ac:picMk id="7" creationId="{5C406AAC-AD78-DB45-2C8A-37C6F9415076}"/>
          </ac:picMkLst>
        </pc:picChg>
        <pc:picChg chg="add del mod ord">
          <ac:chgData name="Ilham Timimi" userId="fb573b2d-6039-489c-a6a3-4841286e457d" providerId="ADAL" clId="{58A8E8C6-1790-4C9C-9548-2567BEBDA90B}" dt="2024-09-10T06:35:22.447" v="18601"/>
          <ac:picMkLst>
            <pc:docMk/>
            <pc:sldMk cId="2951401524" sldId="318"/>
            <ac:picMk id="10" creationId="{8BAE382A-45AA-1745-3EE2-16B8F2932865}"/>
          </ac:picMkLst>
        </pc:picChg>
        <pc:picChg chg="add del mod">
          <ac:chgData name="Ilham Timimi" userId="fb573b2d-6039-489c-a6a3-4841286e457d" providerId="ADAL" clId="{58A8E8C6-1790-4C9C-9548-2567BEBDA90B}" dt="2024-09-10T06:35:28.691" v="18602" actId="478"/>
          <ac:picMkLst>
            <pc:docMk/>
            <pc:sldMk cId="2951401524" sldId="318"/>
            <ac:picMk id="11" creationId="{98B86575-485C-E786-0C72-5AAE861CDEA1}"/>
          </ac:picMkLst>
        </pc:picChg>
        <pc:picChg chg="add del mod">
          <ac:chgData name="Ilham Timimi" userId="fb573b2d-6039-489c-a6a3-4841286e457d" providerId="ADAL" clId="{58A8E8C6-1790-4C9C-9548-2567BEBDA90B}" dt="2024-09-10T06:55:42.873" v="18617"/>
          <ac:picMkLst>
            <pc:docMk/>
            <pc:sldMk cId="2951401524" sldId="318"/>
            <ac:picMk id="15" creationId="{8C09848B-162D-AA26-1F40-FE5E7C160A83}"/>
          </ac:picMkLst>
        </pc:picChg>
        <pc:picChg chg="add del mod">
          <ac:chgData name="Ilham Timimi" userId="fb573b2d-6039-489c-a6a3-4841286e457d" providerId="ADAL" clId="{58A8E8C6-1790-4C9C-9548-2567BEBDA90B}" dt="2024-09-10T06:57:02.836" v="18618" actId="478"/>
          <ac:picMkLst>
            <pc:docMk/>
            <pc:sldMk cId="2951401524" sldId="318"/>
            <ac:picMk id="16" creationId="{E347DD4D-E419-442B-6786-53CDFCE8FFAA}"/>
          </ac:picMkLst>
        </pc:picChg>
        <pc:picChg chg="add del mod">
          <ac:chgData name="Ilham Timimi" userId="fb573b2d-6039-489c-a6a3-4841286e457d" providerId="ADAL" clId="{58A8E8C6-1790-4C9C-9548-2567BEBDA90B}" dt="2024-09-10T07:07:40.557" v="18660"/>
          <ac:picMkLst>
            <pc:docMk/>
            <pc:sldMk cId="2951401524" sldId="318"/>
            <ac:picMk id="25" creationId="{C13CB0DB-E50B-D498-8C0C-3564A369F422}"/>
          </ac:picMkLst>
        </pc:picChg>
        <pc:picChg chg="add del mod">
          <ac:chgData name="Ilham Timimi" userId="fb573b2d-6039-489c-a6a3-4841286e457d" providerId="ADAL" clId="{58A8E8C6-1790-4C9C-9548-2567BEBDA90B}" dt="2024-09-13T07:28:08.078" v="21002"/>
          <ac:picMkLst>
            <pc:docMk/>
            <pc:sldMk cId="2951401524" sldId="318"/>
            <ac:picMk id="26" creationId="{5AA57181-5435-4B3C-F617-A12B51AD1503}"/>
          </ac:picMkLst>
        </pc:picChg>
      </pc:sldChg>
      <pc:sldChg chg="modSp del mod modTransition modShow">
        <pc:chgData name="Ilham Timimi" userId="fb573b2d-6039-489c-a6a3-4841286e457d" providerId="ADAL" clId="{58A8E8C6-1790-4C9C-9548-2567BEBDA90B}" dt="2024-09-10T12:53:45.503" v="20974" actId="47"/>
        <pc:sldMkLst>
          <pc:docMk/>
          <pc:sldMk cId="1967428355" sldId="319"/>
        </pc:sldMkLst>
        <pc:spChg chg="mod">
          <ac:chgData name="Ilham Timimi" userId="fb573b2d-6039-489c-a6a3-4841286e457d" providerId="ADAL" clId="{58A8E8C6-1790-4C9C-9548-2567BEBDA90B}" dt="2024-08-21T11:40:13.335" v="8772" actId="20577"/>
          <ac:spMkLst>
            <pc:docMk/>
            <pc:sldMk cId="1967428355" sldId="319"/>
            <ac:spMk id="3" creationId="{D342BAC1-7B98-A46D-6ED2-4C8D671F47C4}"/>
          </ac:spMkLst>
        </pc:spChg>
        <pc:spChg chg="mod">
          <ac:chgData name="Ilham Timimi" userId="fb573b2d-6039-489c-a6a3-4841286e457d" providerId="ADAL" clId="{58A8E8C6-1790-4C9C-9548-2567BEBDA90B}" dt="2024-08-30T08:48:53.524" v="12182" actId="403"/>
          <ac:spMkLst>
            <pc:docMk/>
            <pc:sldMk cId="1967428355" sldId="319"/>
            <ac:spMk id="4" creationId="{90315515-A654-D047-60E3-3B31651994F9}"/>
          </ac:spMkLst>
        </pc:spChg>
      </pc:sldChg>
      <pc:sldChg chg="addSp modSp mod ord modTransition modNotesTx">
        <pc:chgData name="Ilham Timimi" userId="fb573b2d-6039-489c-a6a3-4841286e457d" providerId="ADAL" clId="{58A8E8C6-1790-4C9C-9548-2567BEBDA90B}" dt="2024-09-13T10:57:09.995" v="21081"/>
        <pc:sldMkLst>
          <pc:docMk/>
          <pc:sldMk cId="263095811" sldId="320"/>
        </pc:sldMkLst>
        <pc:spChg chg="mod">
          <ac:chgData name="Ilham Timimi" userId="fb573b2d-6039-489c-a6a3-4841286e457d" providerId="ADAL" clId="{58A8E8C6-1790-4C9C-9548-2567BEBDA90B}" dt="2024-09-09T11:58:10.602" v="18514" actId="20577"/>
          <ac:spMkLst>
            <pc:docMk/>
            <pc:sldMk cId="263095811" sldId="320"/>
            <ac:spMk id="3" creationId="{A93C4184-C850-AC6E-8A44-C7369C933AED}"/>
          </ac:spMkLst>
        </pc:spChg>
        <pc:spChg chg="mod">
          <ac:chgData name="Ilham Timimi" userId="fb573b2d-6039-489c-a6a3-4841286e457d" providerId="ADAL" clId="{58A8E8C6-1790-4C9C-9548-2567BEBDA90B}" dt="2024-09-10T12:31:27.636" v="20897" actId="20577"/>
          <ac:spMkLst>
            <pc:docMk/>
            <pc:sldMk cId="263095811" sldId="320"/>
            <ac:spMk id="4" creationId="{C55EC398-BE88-7A59-F9C5-86A70967AD95}"/>
          </ac:spMkLst>
        </pc:spChg>
        <pc:picChg chg="add mod">
          <ac:chgData name="Ilham Timimi" userId="fb573b2d-6039-489c-a6a3-4841286e457d" providerId="ADAL" clId="{58A8E8C6-1790-4C9C-9548-2567BEBDA90B}" dt="2024-09-13T10:56:01.187" v="21076"/>
          <ac:picMkLst>
            <pc:docMk/>
            <pc:sldMk cId="263095811" sldId="320"/>
            <ac:picMk id="8" creationId="{C4A4C805-236D-3FB9-DEF6-88376BA92A8C}"/>
          </ac:picMkLst>
        </pc:picChg>
      </pc:sldChg>
      <pc:sldChg chg="addSp modSp del mod modTransition modShow modNotesTx">
        <pc:chgData name="Ilham Timimi" userId="fb573b2d-6039-489c-a6a3-4841286e457d" providerId="ADAL" clId="{58A8E8C6-1790-4C9C-9548-2567BEBDA90B}" dt="2024-09-10T12:53:45.503" v="20974" actId="47"/>
        <pc:sldMkLst>
          <pc:docMk/>
          <pc:sldMk cId="286951747" sldId="322"/>
        </pc:sldMkLst>
        <pc:spChg chg="mod">
          <ac:chgData name="Ilham Timimi" userId="fb573b2d-6039-489c-a6a3-4841286e457d" providerId="ADAL" clId="{58A8E8C6-1790-4C9C-9548-2567BEBDA90B}" dt="2024-08-21T11:39:59.090" v="8767" actId="20577"/>
          <ac:spMkLst>
            <pc:docMk/>
            <pc:sldMk cId="286951747" sldId="322"/>
            <ac:spMk id="3" creationId="{D9D0FC30-ECA0-07B2-62A3-75371CDA8809}"/>
          </ac:spMkLst>
        </pc:spChg>
        <pc:spChg chg="mod">
          <ac:chgData name="Ilham Timimi" userId="fb573b2d-6039-489c-a6a3-4841286e457d" providerId="ADAL" clId="{58A8E8C6-1790-4C9C-9548-2567BEBDA90B}" dt="2024-09-10T08:24:14.901" v="19074" actId="20577"/>
          <ac:spMkLst>
            <pc:docMk/>
            <pc:sldMk cId="286951747" sldId="322"/>
            <ac:spMk id="4" creationId="{2E1D339A-2AF3-CDC1-36FD-7DAD144FB1AE}"/>
          </ac:spMkLst>
        </pc:spChg>
        <pc:picChg chg="add mod">
          <ac:chgData name="Ilham Timimi" userId="fb573b2d-6039-489c-a6a3-4841286e457d" providerId="ADAL" clId="{58A8E8C6-1790-4C9C-9548-2567BEBDA90B}" dt="2024-09-10T08:26:39.425" v="19398"/>
          <ac:picMkLst>
            <pc:docMk/>
            <pc:sldMk cId="286951747" sldId="322"/>
            <ac:picMk id="15" creationId="{39A72CD7-98C3-117C-2AC2-0ACB30F1157F}"/>
          </ac:picMkLst>
        </pc:picChg>
      </pc:sldChg>
      <pc:sldChg chg="addSp delSp modSp mod modTransition delAnim modAnim modNotesTx">
        <pc:chgData name="Ilham Timimi" userId="fb573b2d-6039-489c-a6a3-4841286e457d" providerId="ADAL" clId="{58A8E8C6-1790-4C9C-9548-2567BEBDA90B}" dt="2024-09-19T12:25:41.841" v="21227" actId="20577"/>
        <pc:sldMkLst>
          <pc:docMk/>
          <pc:sldMk cId="527157606" sldId="323"/>
        </pc:sldMkLst>
        <pc:spChg chg="mod">
          <ac:chgData name="Ilham Timimi" userId="fb573b2d-6039-489c-a6a3-4841286e457d" providerId="ADAL" clId="{58A8E8C6-1790-4C9C-9548-2567BEBDA90B}" dt="2024-08-21T11:35:17.169" v="8636" actId="404"/>
          <ac:spMkLst>
            <pc:docMk/>
            <pc:sldMk cId="527157606" sldId="323"/>
            <ac:spMk id="4" creationId="{6B31BAB7-54FE-3D23-6762-DF234A614F76}"/>
          </ac:spMkLst>
        </pc:spChg>
        <pc:picChg chg="add del mod">
          <ac:chgData name="Ilham Timimi" userId="fb573b2d-6039-489c-a6a3-4841286e457d" providerId="ADAL" clId="{58A8E8C6-1790-4C9C-9548-2567BEBDA90B}" dt="2024-09-13T07:43:38.898" v="21003"/>
          <ac:picMkLst>
            <pc:docMk/>
            <pc:sldMk cId="527157606" sldId="323"/>
            <ac:picMk id="2" creationId="{1ED5382C-B2EA-2099-A6C0-7768F80C86A6}"/>
          </ac:picMkLst>
        </pc:picChg>
        <pc:picChg chg="add del mod ord">
          <ac:chgData name="Ilham Timimi" userId="fb573b2d-6039-489c-a6a3-4841286e457d" providerId="ADAL" clId="{58A8E8C6-1790-4C9C-9548-2567BEBDA90B}" dt="2024-09-08T13:29:13.016" v="13773"/>
          <ac:picMkLst>
            <pc:docMk/>
            <pc:sldMk cId="527157606" sldId="323"/>
            <ac:picMk id="2" creationId="{7CEC5994-E2F9-4C7A-BCCD-A0CCCD12906C}"/>
          </ac:picMkLst>
        </pc:picChg>
        <pc:picChg chg="add del mod">
          <ac:chgData name="Ilham Timimi" userId="fb573b2d-6039-489c-a6a3-4841286e457d" providerId="ADAL" clId="{58A8E8C6-1790-4C9C-9548-2567BEBDA90B}" dt="2024-09-05T10:55:14.179" v="13611"/>
          <ac:picMkLst>
            <pc:docMk/>
            <pc:sldMk cId="527157606" sldId="323"/>
            <ac:picMk id="2" creationId="{CDCE5174-39D4-F64A-C906-5B3D102605FF}"/>
          </ac:picMkLst>
        </pc:picChg>
        <pc:picChg chg="add del mod ord">
          <ac:chgData name="Ilham Timimi" userId="fb573b2d-6039-489c-a6a3-4841286e457d" providerId="ADAL" clId="{58A8E8C6-1790-4C9C-9548-2567BEBDA90B}" dt="2024-09-09T09:31:45.317" v="17474"/>
          <ac:picMkLst>
            <pc:docMk/>
            <pc:sldMk cId="527157606" sldId="323"/>
            <ac:picMk id="2" creationId="{E4F867D5-8DD1-776A-75B1-943209CDB2EC}"/>
          </ac:picMkLst>
        </pc:picChg>
        <pc:picChg chg="add del mod">
          <ac:chgData name="Ilham Timimi" userId="fb573b2d-6039-489c-a6a3-4841286e457d" providerId="ADAL" clId="{58A8E8C6-1790-4C9C-9548-2567BEBDA90B}" dt="2024-09-10T10:10:41.576" v="19409" actId="478"/>
          <ac:picMkLst>
            <pc:docMk/>
            <pc:sldMk cId="527157606" sldId="323"/>
            <ac:picMk id="6" creationId="{07FCD1D9-1358-E25C-01D1-87324A3F9C13}"/>
          </ac:picMkLst>
        </pc:picChg>
        <pc:picChg chg="add del mod">
          <ac:chgData name="Ilham Timimi" userId="fb573b2d-6039-489c-a6a3-4841286e457d" providerId="ADAL" clId="{58A8E8C6-1790-4C9C-9548-2567BEBDA90B}" dt="2024-09-13T08:08:09.350" v="21018"/>
          <ac:picMkLst>
            <pc:docMk/>
            <pc:sldMk cId="527157606" sldId="323"/>
            <ac:picMk id="6" creationId="{0E61C441-9B2D-4416-731B-7A7675B0BE6F}"/>
          </ac:picMkLst>
        </pc:picChg>
        <pc:picChg chg="add del mod">
          <ac:chgData name="Ilham Timimi" userId="fb573b2d-6039-489c-a6a3-4841286e457d" providerId="ADAL" clId="{58A8E8C6-1790-4C9C-9548-2567BEBDA90B}" dt="2024-09-08T14:22:28.051" v="13774" actId="478"/>
          <ac:picMkLst>
            <pc:docMk/>
            <pc:sldMk cId="527157606" sldId="323"/>
            <ac:picMk id="6" creationId="{90EE357E-9C59-10E0-65B5-DED414E2A113}"/>
          </ac:picMkLst>
        </pc:picChg>
        <pc:picChg chg="add del mod">
          <ac:chgData name="Ilham Timimi" userId="fb573b2d-6039-489c-a6a3-4841286e457d" providerId="ADAL" clId="{58A8E8C6-1790-4C9C-9548-2567BEBDA90B}" dt="2024-09-05T10:45:22.137" v="13588" actId="478"/>
          <ac:picMkLst>
            <pc:docMk/>
            <pc:sldMk cId="527157606" sldId="323"/>
            <ac:picMk id="6" creationId="{BBA6D941-31B0-DCA7-58D4-0DEEF2EC07AF}"/>
          </ac:picMkLst>
        </pc:picChg>
        <pc:picChg chg="mod">
          <ac:chgData name="Ilham Timimi" userId="fb573b2d-6039-489c-a6a3-4841286e457d" providerId="ADAL" clId="{58A8E8C6-1790-4C9C-9548-2567BEBDA90B}" dt="2024-09-10T08:26:38.955" v="19347"/>
          <ac:picMkLst>
            <pc:docMk/>
            <pc:sldMk cId="527157606" sldId="323"/>
            <ac:picMk id="7" creationId="{BB0759B5-AF1F-5507-DB64-FAF3ED662962}"/>
          </ac:picMkLst>
        </pc:picChg>
        <pc:picChg chg="add del mod ord">
          <ac:chgData name="Ilham Timimi" userId="fb573b2d-6039-489c-a6a3-4841286e457d" providerId="ADAL" clId="{58A8E8C6-1790-4C9C-9548-2567BEBDA90B}" dt="2024-09-13T08:09:11.644" v="21019"/>
          <ac:picMkLst>
            <pc:docMk/>
            <pc:sldMk cId="527157606" sldId="323"/>
            <ac:picMk id="8" creationId="{780DA505-9409-8557-E96F-2F4F5928E3B4}"/>
          </ac:picMkLst>
        </pc:picChg>
        <pc:picChg chg="add del mod">
          <ac:chgData name="Ilham Timimi" userId="fb573b2d-6039-489c-a6a3-4841286e457d" providerId="ADAL" clId="{58A8E8C6-1790-4C9C-9548-2567BEBDA90B}" dt="2024-09-05T10:56:30.241" v="13612" actId="478"/>
          <ac:picMkLst>
            <pc:docMk/>
            <pc:sldMk cId="527157606" sldId="323"/>
            <ac:picMk id="8" creationId="{B21967B9-F70D-B619-14FF-FEEA6DCABE00}"/>
          </ac:picMkLst>
        </pc:picChg>
        <pc:picChg chg="add del mod">
          <ac:chgData name="Ilham Timimi" userId="fb573b2d-6039-489c-a6a3-4841286e457d" providerId="ADAL" clId="{58A8E8C6-1790-4C9C-9548-2567BEBDA90B}" dt="2024-09-13T10:00:33.644" v="21075"/>
          <ac:picMkLst>
            <pc:docMk/>
            <pc:sldMk cId="527157606" sldId="323"/>
            <ac:picMk id="9" creationId="{6DF267AE-575D-9F35-5051-1DE92629B8B8}"/>
          </ac:picMkLst>
        </pc:picChg>
        <pc:picChg chg="add del mod ord">
          <ac:chgData name="Ilham Timimi" userId="fb573b2d-6039-489c-a6a3-4841286e457d" providerId="ADAL" clId="{58A8E8C6-1790-4C9C-9548-2567BEBDA90B}" dt="2024-09-13T10:56:01.187" v="21076"/>
          <ac:picMkLst>
            <pc:docMk/>
            <pc:sldMk cId="527157606" sldId="323"/>
            <ac:picMk id="10" creationId="{38CB2FA8-CF63-EC00-11CD-A198C925F0E2}"/>
          </ac:picMkLst>
        </pc:picChg>
        <pc:picChg chg="add mod">
          <ac:chgData name="Ilham Timimi" userId="fb573b2d-6039-489c-a6a3-4841286e457d" providerId="ADAL" clId="{58A8E8C6-1790-4C9C-9548-2567BEBDA90B}" dt="2024-09-13T10:56:01.187" v="21076"/>
          <ac:picMkLst>
            <pc:docMk/>
            <pc:sldMk cId="527157606" sldId="323"/>
            <ac:picMk id="11" creationId="{50DBF40A-39BF-B94C-0CA9-BA6048F19CBB}"/>
          </ac:picMkLst>
        </pc:picChg>
        <pc:picChg chg="add del mod">
          <ac:chgData name="Ilham Timimi" userId="fb573b2d-6039-489c-a6a3-4841286e457d" providerId="ADAL" clId="{58A8E8C6-1790-4C9C-9548-2567BEBDA90B}" dt="2024-09-05T10:58:58.253" v="13615"/>
          <ac:picMkLst>
            <pc:docMk/>
            <pc:sldMk cId="527157606" sldId="323"/>
            <ac:picMk id="11" creationId="{93EC0D0C-C186-2CB5-2FE6-F0DFE9A8EE28}"/>
          </ac:picMkLst>
        </pc:picChg>
        <pc:picChg chg="add del mod">
          <ac:chgData name="Ilham Timimi" userId="fb573b2d-6039-489c-a6a3-4841286e457d" providerId="ADAL" clId="{58A8E8C6-1790-4C9C-9548-2567BEBDA90B}" dt="2024-09-08T13:26:09.046" v="13767"/>
          <ac:picMkLst>
            <pc:docMk/>
            <pc:sldMk cId="527157606" sldId="323"/>
            <ac:picMk id="12" creationId="{D1C64064-4EAF-0038-20D2-8DFFD2E38630}"/>
          </ac:picMkLst>
        </pc:picChg>
        <pc:picChg chg="add del mod">
          <ac:chgData name="Ilham Timimi" userId="fb573b2d-6039-489c-a6a3-4841286e457d" providerId="ADAL" clId="{58A8E8C6-1790-4C9C-9548-2567BEBDA90B}" dt="2024-09-08T14:31:53.425" v="13780"/>
          <ac:picMkLst>
            <pc:docMk/>
            <pc:sldMk cId="527157606" sldId="323"/>
            <ac:picMk id="13" creationId="{A94BCC0D-40CA-6382-D4F3-7B93A5138615}"/>
          </ac:picMkLst>
        </pc:picChg>
        <pc:picChg chg="add del mod">
          <ac:chgData name="Ilham Timimi" userId="fb573b2d-6039-489c-a6a3-4841286e457d" providerId="ADAL" clId="{58A8E8C6-1790-4C9C-9548-2567BEBDA90B}" dt="2024-09-09T09:03:46.640" v="17473"/>
          <ac:picMkLst>
            <pc:docMk/>
            <pc:sldMk cId="527157606" sldId="323"/>
            <ac:picMk id="14" creationId="{5CDAFD0C-46C1-42DB-E8F2-B08439F25307}"/>
          </ac:picMkLst>
        </pc:picChg>
        <pc:cxnChg chg="mod">
          <ac:chgData name="Ilham Timimi" userId="fb573b2d-6039-489c-a6a3-4841286e457d" providerId="ADAL" clId="{58A8E8C6-1790-4C9C-9548-2567BEBDA90B}" dt="2024-09-10T08:26:39.203" v="19364"/>
          <ac:cxnSpMkLst>
            <pc:docMk/>
            <pc:sldMk cId="527157606" sldId="323"/>
            <ac:cxnSpMk id="19" creationId="{80AE3197-5940-A1FB-9E25-DB075BDEFA09}"/>
          </ac:cxnSpMkLst>
        </pc:cxnChg>
      </pc:sldChg>
      <pc:sldChg chg="addSp delSp modSp mod modTransition delAnim modAnim modNotesTx">
        <pc:chgData name="Ilham Timimi" userId="fb573b2d-6039-489c-a6a3-4841286e457d" providerId="ADAL" clId="{58A8E8C6-1790-4C9C-9548-2567BEBDA90B}" dt="2024-09-19T12:25:55.833" v="21229" actId="20577"/>
        <pc:sldMkLst>
          <pc:docMk/>
          <pc:sldMk cId="4105132941" sldId="324"/>
        </pc:sldMkLst>
        <pc:spChg chg="mod">
          <ac:chgData name="Ilham Timimi" userId="fb573b2d-6039-489c-a6a3-4841286e457d" providerId="ADAL" clId="{58A8E8C6-1790-4C9C-9548-2567BEBDA90B}" dt="2024-08-29T11:57:01.422" v="11012" actId="20577"/>
          <ac:spMkLst>
            <pc:docMk/>
            <pc:sldMk cId="4105132941" sldId="324"/>
            <ac:spMk id="31" creationId="{208FE7C8-E8C6-B55B-21B1-538C4773C5D7}"/>
          </ac:spMkLst>
        </pc:spChg>
        <pc:picChg chg="add del mod">
          <ac:chgData name="Ilham Timimi" userId="fb573b2d-6039-489c-a6a3-4841286e457d" providerId="ADAL" clId="{58A8E8C6-1790-4C9C-9548-2567BEBDA90B}" dt="2024-09-05T11:07:14.334" v="13618"/>
          <ac:picMkLst>
            <pc:docMk/>
            <pc:sldMk cId="4105132941" sldId="324"/>
            <ac:picMk id="2" creationId="{4B62D168-B71F-6290-93FA-CF385BB075CB}"/>
          </ac:picMkLst>
        </pc:picChg>
        <pc:picChg chg="add del mod ord">
          <ac:chgData name="Ilham Timimi" userId="fb573b2d-6039-489c-a6a3-4841286e457d" providerId="ADAL" clId="{58A8E8C6-1790-4C9C-9548-2567BEBDA90B}" dt="2024-09-13T07:43:38.898" v="21003"/>
          <ac:picMkLst>
            <pc:docMk/>
            <pc:sldMk cId="4105132941" sldId="324"/>
            <ac:picMk id="2" creationId="{7C1AE323-95AF-B778-B83E-2D4682120665}"/>
          </ac:picMkLst>
        </pc:picChg>
        <pc:picChg chg="add del mod ord">
          <ac:chgData name="Ilham Timimi" userId="fb573b2d-6039-489c-a6a3-4841286e457d" providerId="ADAL" clId="{58A8E8C6-1790-4C9C-9548-2567BEBDA90B}" dt="2024-09-09T09:31:45.317" v="17474"/>
          <ac:picMkLst>
            <pc:docMk/>
            <pc:sldMk cId="4105132941" sldId="324"/>
            <ac:picMk id="2" creationId="{AC1DCA6F-9E4D-525B-B843-B42D8DEF6820}"/>
          </ac:picMkLst>
        </pc:picChg>
        <pc:picChg chg="add del mod ord">
          <ac:chgData name="Ilham Timimi" userId="fb573b2d-6039-489c-a6a3-4841286e457d" providerId="ADAL" clId="{58A8E8C6-1790-4C9C-9548-2567BEBDA90B}" dt="2024-09-08T14:31:53.425" v="13780"/>
          <ac:picMkLst>
            <pc:docMk/>
            <pc:sldMk cId="4105132941" sldId="324"/>
            <ac:picMk id="2" creationId="{C3259EE5-4108-BE50-F7C8-ED6AF61B48A4}"/>
          </ac:picMkLst>
        </pc:picChg>
        <pc:picChg chg="add del mod">
          <ac:chgData name="Ilham Timimi" userId="fb573b2d-6039-489c-a6a3-4841286e457d" providerId="ADAL" clId="{58A8E8C6-1790-4C9C-9548-2567BEBDA90B}" dt="2024-09-09T09:03:46.640" v="17473"/>
          <ac:picMkLst>
            <pc:docMk/>
            <pc:sldMk cId="4105132941" sldId="324"/>
            <ac:picMk id="4" creationId="{617AD43E-80C4-933C-2AED-D12C20ED6E05}"/>
          </ac:picMkLst>
        </pc:picChg>
        <pc:picChg chg="add del mod">
          <ac:chgData name="Ilham Timimi" userId="fb573b2d-6039-489c-a6a3-4841286e457d" providerId="ADAL" clId="{58A8E8C6-1790-4C9C-9548-2567BEBDA90B}" dt="2024-09-05T10:45:41.665" v="13593" actId="478"/>
          <ac:picMkLst>
            <pc:docMk/>
            <pc:sldMk cId="4105132941" sldId="324"/>
            <ac:picMk id="4" creationId="{641AAD6F-3855-1EA0-18BD-CBBBE6FFC281}"/>
          </ac:picMkLst>
        </pc:picChg>
        <pc:picChg chg="add del mod">
          <ac:chgData name="Ilham Timimi" userId="fb573b2d-6039-489c-a6a3-4841286e457d" providerId="ADAL" clId="{58A8E8C6-1790-4C9C-9548-2567BEBDA90B}" dt="2024-09-13T08:08:09.350" v="21018"/>
          <ac:picMkLst>
            <pc:docMk/>
            <pc:sldMk cId="4105132941" sldId="324"/>
            <ac:picMk id="4" creationId="{96F93E79-FC31-BFE1-67D6-82E560F92D64}"/>
          </ac:picMkLst>
        </pc:picChg>
        <pc:picChg chg="add del mod">
          <ac:chgData name="Ilham Timimi" userId="fb573b2d-6039-489c-a6a3-4841286e457d" providerId="ADAL" clId="{58A8E8C6-1790-4C9C-9548-2567BEBDA90B}" dt="2024-09-15T11:05:42.157" v="21102" actId="478"/>
          <ac:picMkLst>
            <pc:docMk/>
            <pc:sldMk cId="4105132941" sldId="324"/>
            <ac:picMk id="5" creationId="{774BC78C-82C8-FDB2-B0A2-AA48F4FEB2DB}"/>
          </ac:picMkLst>
        </pc:picChg>
        <pc:picChg chg="add del mod">
          <ac:chgData name="Ilham Timimi" userId="fb573b2d-6039-489c-a6a3-4841286e457d" providerId="ADAL" clId="{58A8E8C6-1790-4C9C-9548-2567BEBDA90B}" dt="2024-09-13T07:28:08.078" v="21002"/>
          <ac:picMkLst>
            <pc:docMk/>
            <pc:sldMk cId="4105132941" sldId="324"/>
            <ac:picMk id="7" creationId="{EAD817D6-A7C8-A16D-FB18-97D7DCF2103D}"/>
          </ac:picMkLst>
        </pc:picChg>
        <pc:picChg chg="add del mod ord">
          <ac:chgData name="Ilham Timimi" userId="fb573b2d-6039-489c-a6a3-4841286e457d" providerId="ADAL" clId="{58A8E8C6-1790-4C9C-9548-2567BEBDA90B}" dt="2024-09-13T08:09:11.644" v="21019"/>
          <ac:picMkLst>
            <pc:docMk/>
            <pc:sldMk cId="4105132941" sldId="324"/>
            <ac:picMk id="8" creationId="{7382DCFF-FDBA-C395-A418-9625C6AB8E6C}"/>
          </ac:picMkLst>
        </pc:picChg>
        <pc:picChg chg="mod">
          <ac:chgData name="Ilham Timimi" userId="fb573b2d-6039-489c-a6a3-4841286e457d" providerId="ADAL" clId="{58A8E8C6-1790-4C9C-9548-2567BEBDA90B}" dt="2024-09-10T08:26:38.982" v="19349"/>
          <ac:picMkLst>
            <pc:docMk/>
            <pc:sldMk cId="4105132941" sldId="324"/>
            <ac:picMk id="9" creationId="{9F330644-E87D-19DA-E69F-43A4EC910FBC}"/>
          </ac:picMkLst>
        </pc:picChg>
        <pc:picChg chg="add del mod">
          <ac:chgData name="Ilham Timimi" userId="fb573b2d-6039-489c-a6a3-4841286e457d" providerId="ADAL" clId="{58A8E8C6-1790-4C9C-9548-2567BEBDA90B}" dt="2024-09-13T10:00:33.644" v="21075"/>
          <ac:picMkLst>
            <pc:docMk/>
            <pc:sldMk cId="4105132941" sldId="324"/>
            <ac:picMk id="10" creationId="{83E0DD57-E0A0-8161-3E25-60EDEAF55757}"/>
          </ac:picMkLst>
        </pc:picChg>
        <pc:picChg chg="add del mod ord">
          <ac:chgData name="Ilham Timimi" userId="fb573b2d-6039-489c-a6a3-4841286e457d" providerId="ADAL" clId="{58A8E8C6-1790-4C9C-9548-2567BEBDA90B}" dt="2024-09-13T10:56:01.187" v="21076"/>
          <ac:picMkLst>
            <pc:docMk/>
            <pc:sldMk cId="4105132941" sldId="324"/>
            <ac:picMk id="11" creationId="{A30A17BD-7DF8-2A65-6A99-32E932A51DB6}"/>
          </ac:picMkLst>
        </pc:picChg>
        <pc:picChg chg="add del mod">
          <ac:chgData name="Ilham Timimi" userId="fb573b2d-6039-489c-a6a3-4841286e457d" providerId="ADAL" clId="{58A8E8C6-1790-4C9C-9548-2567BEBDA90B}" dt="2024-09-05T11:09:29.703" v="13621"/>
          <ac:picMkLst>
            <pc:docMk/>
            <pc:sldMk cId="4105132941" sldId="324"/>
            <ac:picMk id="12" creationId="{013767B1-9784-C608-B2AB-A92CF812883B}"/>
          </ac:picMkLst>
        </pc:picChg>
        <pc:picChg chg="add del mod">
          <ac:chgData name="Ilham Timimi" userId="fb573b2d-6039-489c-a6a3-4841286e457d" providerId="ADAL" clId="{58A8E8C6-1790-4C9C-9548-2567BEBDA90B}" dt="2024-09-15T11:05:37.999" v="21101" actId="478"/>
          <ac:picMkLst>
            <pc:docMk/>
            <pc:sldMk cId="4105132941" sldId="324"/>
            <ac:picMk id="12" creationId="{0B451A94-FCAD-B263-6B4E-3691D90ED496}"/>
          </ac:picMkLst>
        </pc:picChg>
        <pc:picChg chg="add del mod">
          <ac:chgData name="Ilham Timimi" userId="fb573b2d-6039-489c-a6a3-4841286e457d" providerId="ADAL" clId="{58A8E8C6-1790-4C9C-9548-2567BEBDA90B}" dt="2024-09-08T13:26:09.046" v="13767"/>
          <ac:picMkLst>
            <pc:docMk/>
            <pc:sldMk cId="4105132941" sldId="324"/>
            <ac:picMk id="13" creationId="{3DE23CC0-3BCE-B2DE-7E68-02447AC5D17D}"/>
          </ac:picMkLst>
        </pc:picChg>
        <pc:picChg chg="add del mod">
          <ac:chgData name="Ilham Timimi" userId="fb573b2d-6039-489c-a6a3-4841286e457d" providerId="ADAL" clId="{58A8E8C6-1790-4C9C-9548-2567BEBDA90B}" dt="2024-09-15T11:06:29.507" v="21105"/>
          <ac:picMkLst>
            <pc:docMk/>
            <pc:sldMk cId="4105132941" sldId="324"/>
            <ac:picMk id="40" creationId="{0FDE80BE-9CBE-54B7-B768-389043845503}"/>
          </ac:picMkLst>
        </pc:picChg>
        <pc:picChg chg="add del mod">
          <ac:chgData name="Ilham Timimi" userId="fb573b2d-6039-489c-a6a3-4841286e457d" providerId="ADAL" clId="{58A8E8C6-1790-4C9C-9548-2567BEBDA90B}" dt="2024-09-15T11:06:37.887" v="21107"/>
          <ac:picMkLst>
            <pc:docMk/>
            <pc:sldMk cId="4105132941" sldId="324"/>
            <ac:picMk id="41" creationId="{108A61F9-015A-1945-0315-95B099BCA020}"/>
          </ac:picMkLst>
        </pc:picChg>
        <pc:picChg chg="add del mod ord">
          <ac:chgData name="Ilham Timimi" userId="fb573b2d-6039-489c-a6a3-4841286e457d" providerId="ADAL" clId="{58A8E8C6-1790-4C9C-9548-2567BEBDA90B}" dt="2024-09-15T11:08:53.836" v="21108"/>
          <ac:picMkLst>
            <pc:docMk/>
            <pc:sldMk cId="4105132941" sldId="324"/>
            <ac:picMk id="45" creationId="{F220D7D1-D2B1-7E5A-588D-997C54BDD60F}"/>
          </ac:picMkLst>
        </pc:picChg>
        <pc:picChg chg="add del mod">
          <ac:chgData name="Ilham Timimi" userId="fb573b2d-6039-489c-a6a3-4841286e457d" providerId="ADAL" clId="{58A8E8C6-1790-4C9C-9548-2567BEBDA90B}" dt="2024-09-15T11:10:58.627" v="21109" actId="478"/>
          <ac:picMkLst>
            <pc:docMk/>
            <pc:sldMk cId="4105132941" sldId="324"/>
            <ac:picMk id="46" creationId="{4C74AF98-40C0-BA1F-2CBB-21BEFE36D71D}"/>
          </ac:picMkLst>
        </pc:picChg>
        <pc:picChg chg="add del mod">
          <ac:chgData name="Ilham Timimi" userId="fb573b2d-6039-489c-a6a3-4841286e457d" providerId="ADAL" clId="{58A8E8C6-1790-4C9C-9548-2567BEBDA90B}" dt="2024-09-15T11:12:54.470" v="21112"/>
          <ac:picMkLst>
            <pc:docMk/>
            <pc:sldMk cId="4105132941" sldId="324"/>
            <ac:picMk id="51" creationId="{57CA1C5E-D22A-8265-29CC-A4E13236C64E}"/>
          </ac:picMkLst>
        </pc:picChg>
        <pc:picChg chg="add mod">
          <ac:chgData name="Ilham Timimi" userId="fb573b2d-6039-489c-a6a3-4841286e457d" providerId="ADAL" clId="{58A8E8C6-1790-4C9C-9548-2567BEBDA90B}" dt="2024-09-15T11:12:54.470" v="21112"/>
          <ac:picMkLst>
            <pc:docMk/>
            <pc:sldMk cId="4105132941" sldId="324"/>
            <ac:picMk id="52" creationId="{77A09FE3-6DA6-2046-C141-351C71235284}"/>
          </ac:picMkLst>
        </pc:picChg>
      </pc:sldChg>
      <pc:sldChg chg="addSp delSp modSp mod modTransition delAnim modAnim modNotesTx">
        <pc:chgData name="Ilham Timimi" userId="fb573b2d-6039-489c-a6a3-4841286e457d" providerId="ADAL" clId="{58A8E8C6-1790-4C9C-9548-2567BEBDA90B}" dt="2024-09-19T12:25:47.600" v="21228" actId="20577"/>
        <pc:sldMkLst>
          <pc:docMk/>
          <pc:sldMk cId="2567087278" sldId="325"/>
        </pc:sldMkLst>
        <pc:spChg chg="mod">
          <ac:chgData name="Ilham Timimi" userId="fb573b2d-6039-489c-a6a3-4841286e457d" providerId="ADAL" clId="{58A8E8C6-1790-4C9C-9548-2567BEBDA90B}" dt="2024-09-10T10:11:04.717" v="19416" actId="20577"/>
          <ac:spMkLst>
            <pc:docMk/>
            <pc:sldMk cId="2567087278" sldId="325"/>
            <ac:spMk id="37" creationId="{90CACD9A-70B4-5639-C328-4224970EAD52}"/>
          </ac:spMkLst>
        </pc:spChg>
        <pc:picChg chg="add del mod ord">
          <ac:chgData name="Ilham Timimi" userId="fb573b2d-6039-489c-a6a3-4841286e457d" providerId="ADAL" clId="{58A8E8C6-1790-4C9C-9548-2567BEBDA90B}" dt="2024-09-13T07:43:38.898" v="21003"/>
          <ac:picMkLst>
            <pc:docMk/>
            <pc:sldMk cId="2567087278" sldId="325"/>
            <ac:picMk id="2" creationId="{96CE7E7B-36E9-86B5-77BB-3ED667B72514}"/>
          </ac:picMkLst>
        </pc:picChg>
        <pc:picChg chg="add del mod">
          <ac:chgData name="Ilham Timimi" userId="fb573b2d-6039-489c-a6a3-4841286e457d" providerId="ADAL" clId="{58A8E8C6-1790-4C9C-9548-2567BEBDA90B}" dt="2024-09-08T14:31:53.425" v="13780"/>
          <ac:picMkLst>
            <pc:docMk/>
            <pc:sldMk cId="2567087278" sldId="325"/>
            <ac:picMk id="2" creationId="{9C463D6D-94E7-50BF-E8FC-99BA23862104}"/>
          </ac:picMkLst>
        </pc:picChg>
        <pc:picChg chg="add del mod ord">
          <ac:chgData name="Ilham Timimi" userId="fb573b2d-6039-489c-a6a3-4841286e457d" providerId="ADAL" clId="{58A8E8C6-1790-4C9C-9548-2567BEBDA90B}" dt="2024-09-09T09:31:45.317" v="17474"/>
          <ac:picMkLst>
            <pc:docMk/>
            <pc:sldMk cId="2567087278" sldId="325"/>
            <ac:picMk id="2" creationId="{B47A4119-3851-1528-7656-7A05472C158F}"/>
          </ac:picMkLst>
        </pc:picChg>
        <pc:picChg chg="add del mod">
          <ac:chgData name="Ilham Timimi" userId="fb573b2d-6039-489c-a6a3-4841286e457d" providerId="ADAL" clId="{58A8E8C6-1790-4C9C-9548-2567BEBDA90B}" dt="2024-09-05T10:55:14.179" v="13611"/>
          <ac:picMkLst>
            <pc:docMk/>
            <pc:sldMk cId="2567087278" sldId="325"/>
            <ac:picMk id="2" creationId="{EFC98781-8FE5-2062-D6A4-AF2686BF645B}"/>
          </ac:picMkLst>
        </pc:picChg>
        <pc:picChg chg="add del mod">
          <ac:chgData name="Ilham Timimi" userId="fb573b2d-6039-489c-a6a3-4841286e457d" providerId="ADAL" clId="{58A8E8C6-1790-4C9C-9548-2567BEBDA90B}" dt="2024-09-09T09:03:46.640" v="17473"/>
          <ac:picMkLst>
            <pc:docMk/>
            <pc:sldMk cId="2567087278" sldId="325"/>
            <ac:picMk id="3" creationId="{7EB7C238-FB37-D4DF-B8EE-B9B0FB5C361A}"/>
          </ac:picMkLst>
        </pc:picChg>
        <pc:picChg chg="add del mod">
          <ac:chgData name="Ilham Timimi" userId="fb573b2d-6039-489c-a6a3-4841286e457d" providerId="ADAL" clId="{58A8E8C6-1790-4C9C-9548-2567BEBDA90B}" dt="2024-09-05T10:45:27.557" v="13590" actId="478"/>
          <ac:picMkLst>
            <pc:docMk/>
            <pc:sldMk cId="2567087278" sldId="325"/>
            <ac:picMk id="3" creationId="{B0BC7359-CC5A-EC67-AEBC-8B37795BD3F7}"/>
          </ac:picMkLst>
        </pc:picChg>
        <pc:picChg chg="add del mod">
          <ac:chgData name="Ilham Timimi" userId="fb573b2d-6039-489c-a6a3-4841286e457d" providerId="ADAL" clId="{58A8E8C6-1790-4C9C-9548-2567BEBDA90B}" dt="2024-09-13T08:08:09.350" v="21018"/>
          <ac:picMkLst>
            <pc:docMk/>
            <pc:sldMk cId="2567087278" sldId="325"/>
            <ac:picMk id="3" creationId="{C5F762A7-0427-1813-8422-1379FABB315A}"/>
          </ac:picMkLst>
        </pc:picChg>
        <pc:picChg chg="add del mod">
          <ac:chgData name="Ilham Timimi" userId="fb573b2d-6039-489c-a6a3-4841286e457d" providerId="ADAL" clId="{58A8E8C6-1790-4C9C-9548-2567BEBDA90B}" dt="2024-09-13T07:28:08.078" v="21002"/>
          <ac:picMkLst>
            <pc:docMk/>
            <pc:sldMk cId="2567087278" sldId="325"/>
            <ac:picMk id="4" creationId="{24B935B2-6612-3A30-10A4-9F9265E6A7BE}"/>
          </ac:picMkLst>
        </pc:picChg>
        <pc:picChg chg="add del mod">
          <ac:chgData name="Ilham Timimi" userId="fb573b2d-6039-489c-a6a3-4841286e457d" providerId="ADAL" clId="{58A8E8C6-1790-4C9C-9548-2567BEBDA90B}" dt="2024-09-05T11:02:27.914" v="13617" actId="478"/>
          <ac:picMkLst>
            <pc:docMk/>
            <pc:sldMk cId="2567087278" sldId="325"/>
            <ac:picMk id="4" creationId="{AFCF7794-D0BC-43D0-0016-0052F41D52DA}"/>
          </ac:picMkLst>
        </pc:picChg>
        <pc:picChg chg="add del mod ord">
          <ac:chgData name="Ilham Timimi" userId="fb573b2d-6039-489c-a6a3-4841286e457d" providerId="ADAL" clId="{58A8E8C6-1790-4C9C-9548-2567BEBDA90B}" dt="2024-09-13T08:09:11.644" v="21019"/>
          <ac:picMkLst>
            <pc:docMk/>
            <pc:sldMk cId="2567087278" sldId="325"/>
            <ac:picMk id="5" creationId="{BD1B861A-0D5C-999D-AF6E-128B3FC0F1F4}"/>
          </ac:picMkLst>
        </pc:picChg>
        <pc:picChg chg="add del mod">
          <ac:chgData name="Ilham Timimi" userId="fb573b2d-6039-489c-a6a3-4841286e457d" providerId="ADAL" clId="{58A8E8C6-1790-4C9C-9548-2567BEBDA90B}" dt="2024-09-13T10:00:33.644" v="21075"/>
          <ac:picMkLst>
            <pc:docMk/>
            <pc:sldMk cId="2567087278" sldId="325"/>
            <ac:picMk id="7" creationId="{4E5C2A27-81D6-3CD8-2E25-776C6A94E2D0}"/>
          </ac:picMkLst>
        </pc:picChg>
        <pc:picChg chg="mod">
          <ac:chgData name="Ilham Timimi" userId="fb573b2d-6039-489c-a6a3-4841286e457d" providerId="ADAL" clId="{58A8E8C6-1790-4C9C-9548-2567BEBDA90B}" dt="2024-09-10T08:26:38.967" v="19348"/>
          <ac:picMkLst>
            <pc:docMk/>
            <pc:sldMk cId="2567087278" sldId="325"/>
            <ac:picMk id="8" creationId="{F7FBD554-7023-78A2-5506-BBF124069DB8}"/>
          </ac:picMkLst>
        </pc:picChg>
        <pc:picChg chg="add del mod ord">
          <ac:chgData name="Ilham Timimi" userId="fb573b2d-6039-489c-a6a3-4841286e457d" providerId="ADAL" clId="{58A8E8C6-1790-4C9C-9548-2567BEBDA90B}" dt="2024-09-13T10:56:01.187" v="21076"/>
          <ac:picMkLst>
            <pc:docMk/>
            <pc:sldMk cId="2567087278" sldId="325"/>
            <ac:picMk id="9" creationId="{98502020-A7BC-CCD9-73A0-61EFA074CBB9}"/>
          </ac:picMkLst>
        </pc:picChg>
        <pc:picChg chg="add del mod">
          <ac:chgData name="Ilham Timimi" userId="fb573b2d-6039-489c-a6a3-4841286e457d" providerId="ADAL" clId="{58A8E8C6-1790-4C9C-9548-2567BEBDA90B}" dt="2024-09-15T10:47:36.453" v="21083"/>
          <ac:picMkLst>
            <pc:docMk/>
            <pc:sldMk cId="2567087278" sldId="325"/>
            <ac:picMk id="10" creationId="{06B02293-59A6-3D6D-3089-F6EDF0034D9E}"/>
          </ac:picMkLst>
        </pc:picChg>
        <pc:picChg chg="add del mod ord">
          <ac:chgData name="Ilham Timimi" userId="fb573b2d-6039-489c-a6a3-4841286e457d" providerId="ADAL" clId="{58A8E8C6-1790-4C9C-9548-2567BEBDA90B}" dt="2024-09-15T10:51:39.797" v="21084"/>
          <ac:picMkLst>
            <pc:docMk/>
            <pc:sldMk cId="2567087278" sldId="325"/>
            <ac:picMk id="15" creationId="{52A09A85-96CA-FA41-D8CE-64ECF985DA78}"/>
          </ac:picMkLst>
        </pc:picChg>
        <pc:picChg chg="add del mod">
          <ac:chgData name="Ilham Timimi" userId="fb573b2d-6039-489c-a6a3-4841286e457d" providerId="ADAL" clId="{58A8E8C6-1790-4C9C-9548-2567BEBDA90B}" dt="2024-09-15T10:51:51.316" v="21085" actId="478"/>
          <ac:picMkLst>
            <pc:docMk/>
            <pc:sldMk cId="2567087278" sldId="325"/>
            <ac:picMk id="16" creationId="{FEF3796C-3EF6-9B1E-82DB-5ACFA831E295}"/>
          </ac:picMkLst>
        </pc:picChg>
        <pc:picChg chg="add del mod">
          <ac:chgData name="Ilham Timimi" userId="fb573b2d-6039-489c-a6a3-4841286e457d" providerId="ADAL" clId="{58A8E8C6-1790-4C9C-9548-2567BEBDA90B}" dt="2024-09-15T10:53:34.893" v="21088"/>
          <ac:picMkLst>
            <pc:docMk/>
            <pc:sldMk cId="2567087278" sldId="325"/>
            <ac:picMk id="21" creationId="{C2F408D8-A3BA-1A09-13C4-261DA88C4809}"/>
          </ac:picMkLst>
        </pc:picChg>
        <pc:picChg chg="add del mod">
          <ac:chgData name="Ilham Timimi" userId="fb573b2d-6039-489c-a6a3-4841286e457d" providerId="ADAL" clId="{58A8E8C6-1790-4C9C-9548-2567BEBDA90B}" dt="2024-09-15T10:53:59.874" v="21090"/>
          <ac:picMkLst>
            <pc:docMk/>
            <pc:sldMk cId="2567087278" sldId="325"/>
            <ac:picMk id="22" creationId="{A5034F68-E63E-BB9F-4C84-4CA56E52DC02}"/>
          </ac:picMkLst>
        </pc:picChg>
        <pc:picChg chg="add del mod ord">
          <ac:chgData name="Ilham Timimi" userId="fb573b2d-6039-489c-a6a3-4841286e457d" providerId="ADAL" clId="{58A8E8C6-1790-4C9C-9548-2567BEBDA90B}" dt="2024-09-15T10:55:06.566" v="21091"/>
          <ac:picMkLst>
            <pc:docMk/>
            <pc:sldMk cId="2567087278" sldId="325"/>
            <ac:picMk id="25" creationId="{F8380B32-5E1C-08C5-D8E0-F5F07F1BF4D6}"/>
          </ac:picMkLst>
        </pc:picChg>
        <pc:picChg chg="add del mod">
          <ac:chgData name="Ilham Timimi" userId="fb573b2d-6039-489c-a6a3-4841286e457d" providerId="ADAL" clId="{58A8E8C6-1790-4C9C-9548-2567BEBDA90B}" dt="2024-09-15T10:55:17.682" v="21093"/>
          <ac:picMkLst>
            <pc:docMk/>
            <pc:sldMk cId="2567087278" sldId="325"/>
            <ac:picMk id="26" creationId="{7FD3B549-6299-3AC6-48D7-C6ACE5DFB8B7}"/>
          </ac:picMkLst>
        </pc:picChg>
        <pc:picChg chg="add del mod ord">
          <ac:chgData name="Ilham Timimi" userId="fb573b2d-6039-489c-a6a3-4841286e457d" providerId="ADAL" clId="{58A8E8C6-1790-4C9C-9548-2567BEBDA90B}" dt="2024-09-15T11:00:00.008" v="21094"/>
          <ac:picMkLst>
            <pc:docMk/>
            <pc:sldMk cId="2567087278" sldId="325"/>
            <ac:picMk id="29" creationId="{60045378-861F-A72F-33AA-7A40A8542BBE}"/>
          </ac:picMkLst>
        </pc:picChg>
        <pc:picChg chg="add del mod">
          <ac:chgData name="Ilham Timimi" userId="fb573b2d-6039-489c-a6a3-4841286e457d" providerId="ADAL" clId="{58A8E8C6-1790-4C9C-9548-2567BEBDA90B}" dt="2024-09-15T11:00:07.328" v="21096"/>
          <ac:picMkLst>
            <pc:docMk/>
            <pc:sldMk cId="2567087278" sldId="325"/>
            <ac:picMk id="30" creationId="{5A131E6A-393A-0B29-18F9-47DF2D6E888D}"/>
          </ac:picMkLst>
        </pc:picChg>
        <pc:picChg chg="add del mod ord">
          <ac:chgData name="Ilham Timimi" userId="fb573b2d-6039-489c-a6a3-4841286e457d" providerId="ADAL" clId="{58A8E8C6-1790-4C9C-9548-2567BEBDA90B}" dt="2024-09-15T11:02:18.762" v="21097"/>
          <ac:picMkLst>
            <pc:docMk/>
            <pc:sldMk cId="2567087278" sldId="325"/>
            <ac:picMk id="33" creationId="{B4E7C416-D5BF-708D-A911-775F197AB37D}"/>
          </ac:picMkLst>
        </pc:picChg>
        <pc:picChg chg="add del mod">
          <ac:chgData name="Ilham Timimi" userId="fb573b2d-6039-489c-a6a3-4841286e457d" providerId="ADAL" clId="{58A8E8C6-1790-4C9C-9548-2567BEBDA90B}" dt="2024-09-15T11:03:01.277" v="21099"/>
          <ac:picMkLst>
            <pc:docMk/>
            <pc:sldMk cId="2567087278" sldId="325"/>
            <ac:picMk id="34" creationId="{BA0FBEA5-182F-38A3-34E5-550F8CBF0838}"/>
          </ac:picMkLst>
        </pc:picChg>
        <pc:picChg chg="add del mod ord">
          <ac:chgData name="Ilham Timimi" userId="fb573b2d-6039-489c-a6a3-4841286e457d" providerId="ADAL" clId="{58A8E8C6-1790-4C9C-9548-2567BEBDA90B}" dt="2024-09-15T11:05:11.384" v="21100"/>
          <ac:picMkLst>
            <pc:docMk/>
            <pc:sldMk cId="2567087278" sldId="325"/>
            <ac:picMk id="40" creationId="{A7810E89-606B-685C-2179-3BDDABEC39FD}"/>
          </ac:picMkLst>
        </pc:picChg>
        <pc:picChg chg="add mod">
          <ac:chgData name="Ilham Timimi" userId="fb573b2d-6039-489c-a6a3-4841286e457d" providerId="ADAL" clId="{58A8E8C6-1790-4C9C-9548-2567BEBDA90B}" dt="2024-09-15T11:05:11.384" v="21100"/>
          <ac:picMkLst>
            <pc:docMk/>
            <pc:sldMk cId="2567087278" sldId="325"/>
            <ac:picMk id="41" creationId="{0858AF22-BE2E-DC91-6AB3-EE0C51D86277}"/>
          </ac:picMkLst>
        </pc:picChg>
      </pc:sldChg>
      <pc:sldChg chg="addSp delSp modSp mod modTransition delAnim modAnim">
        <pc:chgData name="Ilham Timimi" userId="fb573b2d-6039-489c-a6a3-4841286e457d" providerId="ADAL" clId="{58A8E8C6-1790-4C9C-9548-2567BEBDA90B}" dt="2024-09-13T10:56:01.187" v="21076"/>
        <pc:sldMkLst>
          <pc:docMk/>
          <pc:sldMk cId="1771857059" sldId="326"/>
        </pc:sldMkLst>
        <pc:picChg chg="add del mod">
          <ac:chgData name="Ilham Timimi" userId="fb573b2d-6039-489c-a6a3-4841286e457d" providerId="ADAL" clId="{58A8E8C6-1790-4C9C-9548-2567BEBDA90B}" dt="2024-09-05T10:55:14.179" v="13611"/>
          <ac:picMkLst>
            <pc:docMk/>
            <pc:sldMk cId="1771857059" sldId="326"/>
            <ac:picMk id="2" creationId="{184AFDFF-13F7-1237-E4E0-5CF997AD6265}"/>
          </ac:picMkLst>
        </pc:picChg>
        <pc:picChg chg="add del mod ord">
          <ac:chgData name="Ilham Timimi" userId="fb573b2d-6039-489c-a6a3-4841286e457d" providerId="ADAL" clId="{58A8E8C6-1790-4C9C-9548-2567BEBDA90B}" dt="2024-09-09T09:31:45.317" v="17474"/>
          <ac:picMkLst>
            <pc:docMk/>
            <pc:sldMk cId="1771857059" sldId="326"/>
            <ac:picMk id="2" creationId="{3DDC1E3F-3674-5025-2BB0-579C35485716}"/>
          </ac:picMkLst>
        </pc:picChg>
        <pc:picChg chg="add del mod ord">
          <ac:chgData name="Ilham Timimi" userId="fb573b2d-6039-489c-a6a3-4841286e457d" providerId="ADAL" clId="{58A8E8C6-1790-4C9C-9548-2567BEBDA90B}" dt="2024-09-13T07:43:38.898" v="21003"/>
          <ac:picMkLst>
            <pc:docMk/>
            <pc:sldMk cId="1771857059" sldId="326"/>
            <ac:picMk id="2" creationId="{C7FBCC46-A910-F908-FD82-564F640BC60C}"/>
          </ac:picMkLst>
        </pc:picChg>
        <pc:picChg chg="add del mod ord">
          <ac:chgData name="Ilham Timimi" userId="fb573b2d-6039-489c-a6a3-4841286e457d" providerId="ADAL" clId="{58A8E8C6-1790-4C9C-9548-2567BEBDA90B}" dt="2024-09-08T14:31:53.425" v="13780"/>
          <ac:picMkLst>
            <pc:docMk/>
            <pc:sldMk cId="1771857059" sldId="326"/>
            <ac:picMk id="2" creationId="{C8E926EC-4E1A-585F-7819-64DBA2C3806B}"/>
          </ac:picMkLst>
        </pc:picChg>
        <pc:picChg chg="add del mod">
          <ac:chgData name="Ilham Timimi" userId="fb573b2d-6039-489c-a6a3-4841286e457d" providerId="ADAL" clId="{58A8E8C6-1790-4C9C-9548-2567BEBDA90B}" dt="2024-09-09T09:03:46.640" v="17473"/>
          <ac:picMkLst>
            <pc:docMk/>
            <pc:sldMk cId="1771857059" sldId="326"/>
            <ac:picMk id="4" creationId="{4894BE8A-105F-1938-BFA9-966B9E5F3E5C}"/>
          </ac:picMkLst>
        </pc:picChg>
        <pc:picChg chg="add del mod">
          <ac:chgData name="Ilham Timimi" userId="fb573b2d-6039-489c-a6a3-4841286e457d" providerId="ADAL" clId="{58A8E8C6-1790-4C9C-9548-2567BEBDA90B}" dt="2024-09-13T08:08:09.350" v="21018"/>
          <ac:picMkLst>
            <pc:docMk/>
            <pc:sldMk cId="1771857059" sldId="326"/>
            <ac:picMk id="4" creationId="{B981B0FE-202B-E72D-5329-992643D9C663}"/>
          </ac:picMkLst>
        </pc:picChg>
        <pc:picChg chg="add del mod">
          <ac:chgData name="Ilham Timimi" userId="fb573b2d-6039-489c-a6a3-4841286e457d" providerId="ADAL" clId="{58A8E8C6-1790-4C9C-9548-2567BEBDA90B}" dt="2024-09-05T10:45:24.771" v="13589" actId="478"/>
          <ac:picMkLst>
            <pc:docMk/>
            <pc:sldMk cId="1771857059" sldId="326"/>
            <ac:picMk id="4" creationId="{E9103A2F-12F7-9E4C-092A-8B99D2FB14A5}"/>
          </ac:picMkLst>
        </pc:picChg>
        <pc:picChg chg="add del mod">
          <ac:chgData name="Ilham Timimi" userId="fb573b2d-6039-489c-a6a3-4841286e457d" providerId="ADAL" clId="{58A8E8C6-1790-4C9C-9548-2567BEBDA90B}" dt="2024-09-13T07:28:08.078" v="21002"/>
          <ac:picMkLst>
            <pc:docMk/>
            <pc:sldMk cId="1771857059" sldId="326"/>
            <ac:picMk id="6" creationId="{010BAABC-B8B9-DF63-F9FE-50D636D648D0}"/>
          </ac:picMkLst>
        </pc:picChg>
        <pc:picChg chg="add del mod">
          <ac:chgData name="Ilham Timimi" userId="fb573b2d-6039-489c-a6a3-4841286e457d" providerId="ADAL" clId="{58A8E8C6-1790-4C9C-9548-2567BEBDA90B}" dt="2024-09-08T13:26:09.046" v="13767"/>
          <ac:picMkLst>
            <pc:docMk/>
            <pc:sldMk cId="1771857059" sldId="326"/>
            <ac:picMk id="6" creationId="{AE70B195-40D4-38CA-D455-BA02A7FD2EDC}"/>
          </ac:picMkLst>
        </pc:picChg>
        <pc:picChg chg="mod">
          <ac:chgData name="Ilham Timimi" userId="fb573b2d-6039-489c-a6a3-4841286e457d" providerId="ADAL" clId="{58A8E8C6-1790-4C9C-9548-2567BEBDA90B}" dt="2024-09-10T08:26:38.904" v="19340"/>
          <ac:picMkLst>
            <pc:docMk/>
            <pc:sldMk cId="1771857059" sldId="326"/>
            <ac:picMk id="7" creationId="{E8DEAF59-C2B1-C3E5-4C5B-03E4207B94EC}"/>
          </ac:picMkLst>
        </pc:picChg>
        <pc:picChg chg="add del mod ord">
          <ac:chgData name="Ilham Timimi" userId="fb573b2d-6039-489c-a6a3-4841286e457d" providerId="ADAL" clId="{58A8E8C6-1790-4C9C-9548-2567BEBDA90B}" dt="2024-09-13T08:09:11.644" v="21019"/>
          <ac:picMkLst>
            <pc:docMk/>
            <pc:sldMk cId="1771857059" sldId="326"/>
            <ac:picMk id="8" creationId="{92E74C98-18DB-0C43-CFC9-13D41DB19729}"/>
          </ac:picMkLst>
        </pc:picChg>
        <pc:picChg chg="add del mod">
          <ac:chgData name="Ilham Timimi" userId="fb573b2d-6039-489c-a6a3-4841286e457d" providerId="ADAL" clId="{58A8E8C6-1790-4C9C-9548-2567BEBDA90B}" dt="2024-09-13T10:00:33.644" v="21075"/>
          <ac:picMkLst>
            <pc:docMk/>
            <pc:sldMk cId="1771857059" sldId="326"/>
            <ac:picMk id="9" creationId="{0B26B1EC-190D-0E91-9EB3-CDE850BFC79E}"/>
          </ac:picMkLst>
        </pc:picChg>
        <pc:picChg chg="add del mod ord">
          <ac:chgData name="Ilham Timimi" userId="fb573b2d-6039-489c-a6a3-4841286e457d" providerId="ADAL" clId="{58A8E8C6-1790-4C9C-9548-2567BEBDA90B}" dt="2024-09-13T10:56:01.187" v="21076"/>
          <ac:picMkLst>
            <pc:docMk/>
            <pc:sldMk cId="1771857059" sldId="326"/>
            <ac:picMk id="10" creationId="{391FA311-56DC-E02E-AE77-D97B3E655CC8}"/>
          </ac:picMkLst>
        </pc:picChg>
        <pc:picChg chg="add mod">
          <ac:chgData name="Ilham Timimi" userId="fb573b2d-6039-489c-a6a3-4841286e457d" providerId="ADAL" clId="{58A8E8C6-1790-4C9C-9548-2567BEBDA90B}" dt="2024-09-13T10:56:01.187" v="21076"/>
          <ac:picMkLst>
            <pc:docMk/>
            <pc:sldMk cId="1771857059" sldId="326"/>
            <ac:picMk id="11" creationId="{97E9DC07-6574-8B93-4AAE-18CEA4EB2A10}"/>
          </ac:picMkLst>
        </pc:picChg>
      </pc:sldChg>
      <pc:sldChg chg="addSp delSp modSp mod modTransition delAnim modAnim modNotesTx">
        <pc:chgData name="Ilham Timimi" userId="fb573b2d-6039-489c-a6a3-4841286e457d" providerId="ADAL" clId="{58A8E8C6-1790-4C9C-9548-2567BEBDA90B}" dt="2024-09-19T12:26:03.948" v="21230" actId="20577"/>
        <pc:sldMkLst>
          <pc:docMk/>
          <pc:sldMk cId="3023305345" sldId="327"/>
        </pc:sldMkLst>
        <pc:spChg chg="mod">
          <ac:chgData name="Ilham Timimi" userId="fb573b2d-6039-489c-a6a3-4841286e457d" providerId="ADAL" clId="{58A8E8C6-1790-4C9C-9548-2567BEBDA90B}" dt="2024-08-26T11:55:58.574" v="10526" actId="20577"/>
          <ac:spMkLst>
            <pc:docMk/>
            <pc:sldMk cId="3023305345" sldId="327"/>
            <ac:spMk id="4" creationId="{D5659D4E-A26B-17E9-36E6-71199F5A36F3}"/>
          </ac:spMkLst>
        </pc:spChg>
        <pc:spChg chg="mod">
          <ac:chgData name="Ilham Timimi" userId="fb573b2d-6039-489c-a6a3-4841286e457d" providerId="ADAL" clId="{58A8E8C6-1790-4C9C-9548-2567BEBDA90B}" dt="2024-09-10T08:26:39.465" v="19403"/>
          <ac:spMkLst>
            <pc:docMk/>
            <pc:sldMk cId="3023305345" sldId="327"/>
            <ac:spMk id="6" creationId="{AB57A224-5D01-4030-D203-8560C82FDDCD}"/>
          </ac:spMkLst>
        </pc:spChg>
        <pc:spChg chg="add mod">
          <ac:chgData name="Ilham Timimi" userId="fb573b2d-6039-489c-a6a3-4841286e457d" providerId="ADAL" clId="{58A8E8C6-1790-4C9C-9548-2567BEBDA90B}" dt="2024-09-10T08:26:39.479" v="19405"/>
          <ac:spMkLst>
            <pc:docMk/>
            <pc:sldMk cId="3023305345" sldId="327"/>
            <ac:spMk id="9" creationId="{D34070BB-C0BE-283A-EB07-870F7DF42ECC}"/>
          </ac:spMkLst>
        </pc:spChg>
        <pc:picChg chg="add del mod ord">
          <ac:chgData name="Ilham Timimi" userId="fb573b2d-6039-489c-a6a3-4841286e457d" providerId="ADAL" clId="{58A8E8C6-1790-4C9C-9548-2567BEBDA90B}" dt="2024-09-08T14:31:53.425" v="13780"/>
          <ac:picMkLst>
            <pc:docMk/>
            <pc:sldMk cId="3023305345" sldId="327"/>
            <ac:picMk id="7" creationId="{38DC075B-B25A-5EA7-61D2-88B711673209}"/>
          </ac:picMkLst>
        </pc:picChg>
        <pc:picChg chg="add del mod ord">
          <ac:chgData name="Ilham Timimi" userId="fb573b2d-6039-489c-a6a3-4841286e457d" providerId="ADAL" clId="{58A8E8C6-1790-4C9C-9548-2567BEBDA90B}" dt="2024-09-13T07:43:38.898" v="21003"/>
          <ac:picMkLst>
            <pc:docMk/>
            <pc:sldMk cId="3023305345" sldId="327"/>
            <ac:picMk id="7" creationId="{3CFC94AF-DD0B-CB6A-FDCA-04897B6D9011}"/>
          </ac:picMkLst>
        </pc:picChg>
        <pc:picChg chg="add del mod ord">
          <ac:chgData name="Ilham Timimi" userId="fb573b2d-6039-489c-a6a3-4841286e457d" providerId="ADAL" clId="{58A8E8C6-1790-4C9C-9548-2567BEBDA90B}" dt="2024-09-09T09:31:45.317" v="17474"/>
          <ac:picMkLst>
            <pc:docMk/>
            <pc:sldMk cId="3023305345" sldId="327"/>
            <ac:picMk id="7" creationId="{DF97ACA7-6D0F-ADEC-AEAE-8C05C5D265EE}"/>
          </ac:picMkLst>
        </pc:picChg>
        <pc:picChg chg="add del mod">
          <ac:chgData name="Ilham Timimi" userId="fb573b2d-6039-489c-a6a3-4841286e457d" providerId="ADAL" clId="{58A8E8C6-1790-4C9C-9548-2567BEBDA90B}" dt="2024-09-05T11:09:46.175" v="13622" actId="478"/>
          <ac:picMkLst>
            <pc:docMk/>
            <pc:sldMk cId="3023305345" sldId="327"/>
            <ac:picMk id="7" creationId="{ED134A4F-2D97-4BD2-CFA7-D95093F9604F}"/>
          </ac:picMkLst>
        </pc:picChg>
        <pc:picChg chg="add mod">
          <ac:chgData name="Ilham Timimi" userId="fb573b2d-6039-489c-a6a3-4841286e457d" providerId="ADAL" clId="{58A8E8C6-1790-4C9C-9548-2567BEBDA90B}" dt="2024-09-10T08:26:39.007" v="19353"/>
          <ac:picMkLst>
            <pc:docMk/>
            <pc:sldMk cId="3023305345" sldId="327"/>
            <ac:picMk id="8" creationId="{D3812EEE-B38F-D763-22E0-D351EC414FF3}"/>
          </ac:picMkLst>
        </pc:picChg>
        <pc:picChg chg="add del mod">
          <ac:chgData name="Ilham Timimi" userId="fb573b2d-6039-489c-a6a3-4841286e457d" providerId="ADAL" clId="{58A8E8C6-1790-4C9C-9548-2567BEBDA90B}" dt="2024-09-08T14:33:19.751" v="13782"/>
          <ac:picMkLst>
            <pc:docMk/>
            <pc:sldMk cId="3023305345" sldId="327"/>
            <ac:picMk id="10" creationId="{7F1388FF-424D-E301-D3E3-1C9F35027100}"/>
          </ac:picMkLst>
        </pc:picChg>
        <pc:picChg chg="add del mod">
          <ac:chgData name="Ilham Timimi" userId="fb573b2d-6039-489c-a6a3-4841286e457d" providerId="ADAL" clId="{58A8E8C6-1790-4C9C-9548-2567BEBDA90B}" dt="2024-09-13T07:28:08.078" v="21002"/>
          <ac:picMkLst>
            <pc:docMk/>
            <pc:sldMk cId="3023305345" sldId="327"/>
            <ac:picMk id="10" creationId="{D1BECF0C-10E2-B2B0-01E9-A00404D4CFA6}"/>
          </ac:picMkLst>
        </pc:picChg>
        <pc:picChg chg="add del mod">
          <ac:chgData name="Ilham Timimi" userId="fb573b2d-6039-489c-a6a3-4841286e457d" providerId="ADAL" clId="{58A8E8C6-1790-4C9C-9548-2567BEBDA90B}" dt="2024-09-05T10:25:42.386" v="13581"/>
          <ac:picMkLst>
            <pc:docMk/>
            <pc:sldMk cId="3023305345" sldId="327"/>
            <ac:picMk id="10" creationId="{D9AA35BC-B899-F774-DAB7-719EB4A7C4DC}"/>
          </ac:picMkLst>
        </pc:picChg>
        <pc:picChg chg="add del mod">
          <ac:chgData name="Ilham Timimi" userId="fb573b2d-6039-489c-a6a3-4841286e457d" providerId="ADAL" clId="{58A8E8C6-1790-4C9C-9548-2567BEBDA90B}" dt="2024-09-13T08:08:09.350" v="21018"/>
          <ac:picMkLst>
            <pc:docMk/>
            <pc:sldMk cId="3023305345" sldId="327"/>
            <ac:picMk id="11" creationId="{2D47D8D1-EEC3-0D2F-78FF-890C4F04CABB}"/>
          </ac:picMkLst>
        </pc:picChg>
        <pc:picChg chg="add del mod">
          <ac:chgData name="Ilham Timimi" userId="fb573b2d-6039-489c-a6a3-4841286e457d" providerId="ADAL" clId="{58A8E8C6-1790-4C9C-9548-2567BEBDA90B}" dt="2024-09-05T11:12:05.777" v="13625" actId="478"/>
          <ac:picMkLst>
            <pc:docMk/>
            <pc:sldMk cId="3023305345" sldId="327"/>
            <ac:picMk id="11" creationId="{83CFD10E-A04D-CF3C-1C11-CD2077AF10C5}"/>
          </ac:picMkLst>
        </pc:picChg>
        <pc:picChg chg="add del mod ord">
          <ac:chgData name="Ilham Timimi" userId="fb573b2d-6039-489c-a6a3-4841286e457d" providerId="ADAL" clId="{58A8E8C6-1790-4C9C-9548-2567BEBDA90B}" dt="2024-09-05T10:31:33.639" v="13582"/>
          <ac:picMkLst>
            <pc:docMk/>
            <pc:sldMk cId="3023305345" sldId="327"/>
            <ac:picMk id="12" creationId="{55E0FDFE-9585-DCFB-3284-12A2485F9820}"/>
          </ac:picMkLst>
        </pc:picChg>
        <pc:picChg chg="add del mod ord">
          <ac:chgData name="Ilham Timimi" userId="fb573b2d-6039-489c-a6a3-4841286e457d" providerId="ADAL" clId="{58A8E8C6-1790-4C9C-9548-2567BEBDA90B}" dt="2024-09-13T08:09:11.644" v="21019"/>
          <ac:picMkLst>
            <pc:docMk/>
            <pc:sldMk cId="3023305345" sldId="327"/>
            <ac:picMk id="12" creationId="{A4F841A5-419C-A2B6-3A97-E103C1F0AA37}"/>
          </ac:picMkLst>
        </pc:picChg>
        <pc:picChg chg="add del mod">
          <ac:chgData name="Ilham Timimi" userId="fb573b2d-6039-489c-a6a3-4841286e457d" providerId="ADAL" clId="{58A8E8C6-1790-4C9C-9548-2567BEBDA90B}" dt="2024-09-13T10:00:33.644" v="21075"/>
          <ac:picMkLst>
            <pc:docMk/>
            <pc:sldMk cId="3023305345" sldId="327"/>
            <ac:picMk id="13" creationId="{341CE151-F5EE-6F23-B87F-E1BE4C016593}"/>
          </ac:picMkLst>
        </pc:picChg>
        <pc:picChg chg="add del mod ord">
          <ac:chgData name="Ilham Timimi" userId="fb573b2d-6039-489c-a6a3-4841286e457d" providerId="ADAL" clId="{58A8E8C6-1790-4C9C-9548-2567BEBDA90B}" dt="2024-09-08T14:43:38.642" v="13783"/>
          <ac:picMkLst>
            <pc:docMk/>
            <pc:sldMk cId="3023305345" sldId="327"/>
            <ac:picMk id="13" creationId="{5818FAEB-1CB9-FA67-855D-1CDFD67A70D6}"/>
          </ac:picMkLst>
        </pc:picChg>
        <pc:picChg chg="add del mod">
          <ac:chgData name="Ilham Timimi" userId="fb573b2d-6039-489c-a6a3-4841286e457d" providerId="ADAL" clId="{58A8E8C6-1790-4C9C-9548-2567BEBDA90B}" dt="2024-09-05T10:45:36.833" v="13591" actId="478"/>
          <ac:picMkLst>
            <pc:docMk/>
            <pc:sldMk cId="3023305345" sldId="327"/>
            <ac:picMk id="13" creationId="{CD8BAA03-7D9A-392D-CE8B-CEF534EA876D}"/>
          </ac:picMkLst>
        </pc:picChg>
        <pc:picChg chg="add del mod ord">
          <ac:chgData name="Ilham Timimi" userId="fb573b2d-6039-489c-a6a3-4841286e457d" providerId="ADAL" clId="{58A8E8C6-1790-4C9C-9548-2567BEBDA90B}" dt="2024-09-13T10:56:01.187" v="21076"/>
          <ac:picMkLst>
            <pc:docMk/>
            <pc:sldMk cId="3023305345" sldId="327"/>
            <ac:picMk id="14" creationId="{2C196E95-E88A-1B81-82B1-BAAB2D570F16}"/>
          </ac:picMkLst>
        </pc:picChg>
        <pc:picChg chg="add del mod">
          <ac:chgData name="Ilham Timimi" userId="fb573b2d-6039-489c-a6a3-4841286e457d" providerId="ADAL" clId="{58A8E8C6-1790-4C9C-9548-2567BEBDA90B}" dt="2024-09-09T09:03:46.640" v="17473"/>
          <ac:picMkLst>
            <pc:docMk/>
            <pc:sldMk cId="3023305345" sldId="327"/>
            <ac:picMk id="14" creationId="{FE6B50D9-C1B4-AF5E-8274-B9855D5DE94C}"/>
          </ac:picMkLst>
        </pc:picChg>
        <pc:picChg chg="add mod">
          <ac:chgData name="Ilham Timimi" userId="fb573b2d-6039-489c-a6a3-4841286e457d" providerId="ADAL" clId="{58A8E8C6-1790-4C9C-9548-2567BEBDA90B}" dt="2024-09-13T10:56:01.187" v="21076"/>
          <ac:picMkLst>
            <pc:docMk/>
            <pc:sldMk cId="3023305345" sldId="327"/>
            <ac:picMk id="15" creationId="{E7AEC219-AC9C-C037-DCC8-AD5E28FD1096}"/>
          </ac:picMkLst>
        </pc:picChg>
        <pc:picChg chg="add del mod">
          <ac:chgData name="Ilham Timimi" userId="fb573b2d-6039-489c-a6a3-4841286e457d" providerId="ADAL" clId="{58A8E8C6-1790-4C9C-9548-2567BEBDA90B}" dt="2024-09-05T11:19:52.504" v="13628"/>
          <ac:picMkLst>
            <pc:docMk/>
            <pc:sldMk cId="3023305345" sldId="327"/>
            <ac:picMk id="17" creationId="{28FFF5E4-39B3-B82C-1DB4-525FA4E437E0}"/>
          </ac:picMkLst>
        </pc:picChg>
        <pc:picChg chg="add del mod">
          <ac:chgData name="Ilham Timimi" userId="fb573b2d-6039-489c-a6a3-4841286e457d" providerId="ADAL" clId="{58A8E8C6-1790-4C9C-9548-2567BEBDA90B}" dt="2024-09-05T11:24:36.749" v="13629" actId="478"/>
          <ac:picMkLst>
            <pc:docMk/>
            <pc:sldMk cId="3023305345" sldId="327"/>
            <ac:picMk id="18" creationId="{F04D9081-47B3-85E0-F0C8-167F2DF2C821}"/>
          </ac:picMkLst>
        </pc:picChg>
        <pc:picChg chg="add del mod">
          <ac:chgData name="Ilham Timimi" userId="fb573b2d-6039-489c-a6a3-4841286e457d" providerId="ADAL" clId="{58A8E8C6-1790-4C9C-9548-2567BEBDA90B}" dt="2024-09-05T11:27:16.833" v="13632"/>
          <ac:picMkLst>
            <pc:docMk/>
            <pc:sldMk cId="3023305345" sldId="327"/>
            <ac:picMk id="23" creationId="{1537589F-20F1-8092-0245-66F3F47E34E2}"/>
          </ac:picMkLst>
        </pc:picChg>
        <pc:picChg chg="add del mod">
          <ac:chgData name="Ilham Timimi" userId="fb573b2d-6039-489c-a6a3-4841286e457d" providerId="ADAL" clId="{58A8E8C6-1790-4C9C-9548-2567BEBDA90B}" dt="2024-09-05T11:27:55.382" v="13634"/>
          <ac:picMkLst>
            <pc:docMk/>
            <pc:sldMk cId="3023305345" sldId="327"/>
            <ac:picMk id="24" creationId="{B62EB1B3-3146-4552-E81E-4BCD84187A09}"/>
          </ac:picMkLst>
        </pc:picChg>
        <pc:picChg chg="add del mod ord">
          <ac:chgData name="Ilham Timimi" userId="fb573b2d-6039-489c-a6a3-4841286e457d" providerId="ADAL" clId="{58A8E8C6-1790-4C9C-9548-2567BEBDA90B}" dt="2024-09-05T11:34:19.211" v="13635"/>
          <ac:picMkLst>
            <pc:docMk/>
            <pc:sldMk cId="3023305345" sldId="327"/>
            <ac:picMk id="27" creationId="{7238DF16-6F6B-A03F-AE7B-DAE5F7ACE962}"/>
          </ac:picMkLst>
        </pc:picChg>
        <pc:picChg chg="add del mod">
          <ac:chgData name="Ilham Timimi" userId="fb573b2d-6039-489c-a6a3-4841286e457d" providerId="ADAL" clId="{58A8E8C6-1790-4C9C-9548-2567BEBDA90B}" dt="2024-09-08T13:26:09.046" v="13767"/>
          <ac:picMkLst>
            <pc:docMk/>
            <pc:sldMk cId="3023305345" sldId="327"/>
            <ac:picMk id="28" creationId="{9F6F36EE-E6DD-4B1A-5612-A67B5FAB252D}"/>
          </ac:picMkLst>
        </pc:picChg>
      </pc:sldChg>
      <pc:sldChg chg="addSp delSp modSp mod modTransition delAnim modAnim">
        <pc:chgData name="Ilham Timimi" userId="fb573b2d-6039-489c-a6a3-4841286e457d" providerId="ADAL" clId="{58A8E8C6-1790-4C9C-9548-2567BEBDA90B}" dt="2024-09-13T10:56:01.187" v="21076"/>
        <pc:sldMkLst>
          <pc:docMk/>
          <pc:sldMk cId="685595701" sldId="328"/>
        </pc:sldMkLst>
        <pc:picChg chg="add del mod ord">
          <ac:chgData name="Ilham Timimi" userId="fb573b2d-6039-489c-a6a3-4841286e457d" providerId="ADAL" clId="{58A8E8C6-1790-4C9C-9548-2567BEBDA90B}" dt="2024-09-09T09:31:45.317" v="17474"/>
          <ac:picMkLst>
            <pc:docMk/>
            <pc:sldMk cId="685595701" sldId="328"/>
            <ac:picMk id="2" creationId="{0FE96887-B17A-4FCC-3651-242575604D24}"/>
          </ac:picMkLst>
        </pc:picChg>
        <pc:picChg chg="add del mod">
          <ac:chgData name="Ilham Timimi" userId="fb573b2d-6039-489c-a6a3-4841286e457d" providerId="ADAL" clId="{58A8E8C6-1790-4C9C-9548-2567BEBDA90B}" dt="2024-09-08T14:58:16.373" v="13784"/>
          <ac:picMkLst>
            <pc:docMk/>
            <pc:sldMk cId="685595701" sldId="328"/>
            <ac:picMk id="2" creationId="{78C8868C-2FF0-DA57-DB5B-2D6E03D470DA}"/>
          </ac:picMkLst>
        </pc:picChg>
        <pc:picChg chg="add del mod ord">
          <ac:chgData name="Ilham Timimi" userId="fb573b2d-6039-489c-a6a3-4841286e457d" providerId="ADAL" clId="{58A8E8C6-1790-4C9C-9548-2567BEBDA90B}" dt="2024-09-13T07:43:38.898" v="21003"/>
          <ac:picMkLst>
            <pc:docMk/>
            <pc:sldMk cId="685595701" sldId="328"/>
            <ac:picMk id="2" creationId="{F56B60A6-FD6A-85AA-FCA8-B59544991FF0}"/>
          </ac:picMkLst>
        </pc:picChg>
        <pc:picChg chg="add del mod">
          <ac:chgData name="Ilham Timimi" userId="fb573b2d-6039-489c-a6a3-4841286e457d" providerId="ADAL" clId="{58A8E8C6-1790-4C9C-9548-2567BEBDA90B}" dt="2024-09-05T10:45:44.860" v="13594" actId="478"/>
          <ac:picMkLst>
            <pc:docMk/>
            <pc:sldMk cId="685595701" sldId="328"/>
            <ac:picMk id="3" creationId="{096E120D-A95F-49CC-22FF-2D7C6B14F40F}"/>
          </ac:picMkLst>
        </pc:picChg>
        <pc:picChg chg="add del mod">
          <ac:chgData name="Ilham Timimi" userId="fb573b2d-6039-489c-a6a3-4841286e457d" providerId="ADAL" clId="{58A8E8C6-1790-4C9C-9548-2567BEBDA90B}" dt="2024-09-13T08:08:09.350" v="21018"/>
          <ac:picMkLst>
            <pc:docMk/>
            <pc:sldMk cId="685595701" sldId="328"/>
            <ac:picMk id="3" creationId="{7589D832-6BB5-3CF9-B65A-B2B3632B30A9}"/>
          </ac:picMkLst>
        </pc:picChg>
        <pc:picChg chg="add del mod">
          <ac:chgData name="Ilham Timimi" userId="fb573b2d-6039-489c-a6a3-4841286e457d" providerId="ADAL" clId="{58A8E8C6-1790-4C9C-9548-2567BEBDA90B}" dt="2024-09-09T09:03:46.640" v="17473"/>
          <ac:picMkLst>
            <pc:docMk/>
            <pc:sldMk cId="685595701" sldId="328"/>
            <ac:picMk id="3" creationId="{A1219BBC-D6EC-972E-7760-BABA3484C885}"/>
          </ac:picMkLst>
        </pc:picChg>
        <pc:picChg chg="add del mod">
          <ac:chgData name="Ilham Timimi" userId="fb573b2d-6039-489c-a6a3-4841286e457d" providerId="ADAL" clId="{58A8E8C6-1790-4C9C-9548-2567BEBDA90B}" dt="2024-09-13T07:28:08.078" v="21002"/>
          <ac:picMkLst>
            <pc:docMk/>
            <pc:sldMk cId="685595701" sldId="328"/>
            <ac:picMk id="4" creationId="{B44DE7FC-06FF-EF62-B670-AB6EC9E6EF1A}"/>
          </ac:picMkLst>
        </pc:picChg>
        <pc:picChg chg="add del mod ord">
          <ac:chgData name="Ilham Timimi" userId="fb573b2d-6039-489c-a6a3-4841286e457d" providerId="ADAL" clId="{58A8E8C6-1790-4C9C-9548-2567BEBDA90B}" dt="2024-09-13T08:09:11.644" v="21019"/>
          <ac:picMkLst>
            <pc:docMk/>
            <pc:sldMk cId="685595701" sldId="328"/>
            <ac:picMk id="8" creationId="{FC93851B-2D36-F942-58A4-5FA9356B286E}"/>
          </ac:picMkLst>
        </pc:picChg>
        <pc:picChg chg="add del mod">
          <ac:chgData name="Ilham Timimi" userId="fb573b2d-6039-489c-a6a3-4841286e457d" providerId="ADAL" clId="{58A8E8C6-1790-4C9C-9548-2567BEBDA90B}" dt="2024-09-13T10:00:33.644" v="21075"/>
          <ac:picMkLst>
            <pc:docMk/>
            <pc:sldMk cId="685595701" sldId="328"/>
            <ac:picMk id="9" creationId="{C2A5DFD1-3F32-49CB-A6D0-CE9FED668A04}"/>
          </ac:picMkLst>
        </pc:picChg>
        <pc:picChg chg="add del mod ord">
          <ac:chgData name="Ilham Timimi" userId="fb573b2d-6039-489c-a6a3-4841286e457d" providerId="ADAL" clId="{58A8E8C6-1790-4C9C-9548-2567BEBDA90B}" dt="2024-09-13T10:56:01.187" v="21076"/>
          <ac:picMkLst>
            <pc:docMk/>
            <pc:sldMk cId="685595701" sldId="328"/>
            <ac:picMk id="10" creationId="{418551FA-C907-79A8-948E-CECA8C2B789A}"/>
          </ac:picMkLst>
        </pc:picChg>
        <pc:picChg chg="add mod">
          <ac:chgData name="Ilham Timimi" userId="fb573b2d-6039-489c-a6a3-4841286e457d" providerId="ADAL" clId="{58A8E8C6-1790-4C9C-9548-2567BEBDA90B}" dt="2024-09-13T10:56:01.187" v="21076"/>
          <ac:picMkLst>
            <pc:docMk/>
            <pc:sldMk cId="685595701" sldId="328"/>
            <ac:picMk id="11" creationId="{DFDD22F6-E93E-C3EE-95DB-97470A885940}"/>
          </ac:picMkLst>
        </pc:picChg>
        <pc:picChg chg="mod">
          <ac:chgData name="Ilham Timimi" userId="fb573b2d-6039-489c-a6a3-4841286e457d" providerId="ADAL" clId="{58A8E8C6-1790-4C9C-9548-2567BEBDA90B}" dt="2024-09-10T08:26:38.917" v="19342"/>
          <ac:picMkLst>
            <pc:docMk/>
            <pc:sldMk cId="685595701" sldId="328"/>
            <ac:picMk id="24" creationId="{D6176ECB-BC44-CDCE-75D1-31CDC8C2FF14}"/>
          </ac:picMkLst>
        </pc:picChg>
      </pc:sldChg>
      <pc:sldChg chg="addSp delSp modSp mod modTransition delAnim modAnim modNotesTx">
        <pc:chgData name="Ilham Timimi" userId="fb573b2d-6039-489c-a6a3-4841286e457d" providerId="ADAL" clId="{58A8E8C6-1790-4C9C-9548-2567BEBDA90B}" dt="2024-09-19T12:26:15.445" v="21232" actId="20577"/>
        <pc:sldMkLst>
          <pc:docMk/>
          <pc:sldMk cId="1443557190" sldId="329"/>
        </pc:sldMkLst>
        <pc:spChg chg="mod">
          <ac:chgData name="Ilham Timimi" userId="fb573b2d-6039-489c-a6a3-4841286e457d" providerId="ADAL" clId="{58A8E8C6-1790-4C9C-9548-2567BEBDA90B}" dt="2024-09-17T08:23:19.489" v="21226" actId="20577"/>
          <ac:spMkLst>
            <pc:docMk/>
            <pc:sldMk cId="1443557190" sldId="329"/>
            <ac:spMk id="4" creationId="{2AF62AE9-C949-A10D-15EF-BA42D56A0203}"/>
          </ac:spMkLst>
        </pc:spChg>
        <pc:picChg chg="add del mod">
          <ac:chgData name="Ilham Timimi" userId="fb573b2d-6039-489c-a6a3-4841286e457d" providerId="ADAL" clId="{58A8E8C6-1790-4C9C-9548-2567BEBDA90B}" dt="2024-09-09T09:31:45.317" v="17474"/>
          <ac:picMkLst>
            <pc:docMk/>
            <pc:sldMk cId="1443557190" sldId="329"/>
            <ac:picMk id="6" creationId="{5F90B71C-C693-0F7F-D24E-7F27227F9C94}"/>
          </ac:picMkLst>
        </pc:picChg>
        <pc:picChg chg="add del mod ord">
          <ac:chgData name="Ilham Timimi" userId="fb573b2d-6039-489c-a6a3-4841286e457d" providerId="ADAL" clId="{58A8E8C6-1790-4C9C-9548-2567BEBDA90B}" dt="2024-09-13T08:09:11.644" v="21019"/>
          <ac:picMkLst>
            <pc:docMk/>
            <pc:sldMk cId="1443557190" sldId="329"/>
            <ac:picMk id="6" creationId="{E74404A0-628B-E8B7-53C4-D6F20A4B1A99}"/>
          </ac:picMkLst>
        </pc:picChg>
        <pc:picChg chg="add del mod">
          <ac:chgData name="Ilham Timimi" userId="fb573b2d-6039-489c-a6a3-4841286e457d" providerId="ADAL" clId="{58A8E8C6-1790-4C9C-9548-2567BEBDA90B}" dt="2024-09-09T09:46:25.086" v="17528"/>
          <ac:picMkLst>
            <pc:docMk/>
            <pc:sldMk cId="1443557190" sldId="329"/>
            <ac:picMk id="7" creationId="{14AA9C9E-26A5-98CD-164B-DA58F35018B7}"/>
          </ac:picMkLst>
        </pc:picChg>
        <pc:picChg chg="add del mod">
          <ac:chgData name="Ilham Timimi" userId="fb573b2d-6039-489c-a6a3-4841286e457d" providerId="ADAL" clId="{58A8E8C6-1790-4C9C-9548-2567BEBDA90B}" dt="2024-09-13T08:10:41.430" v="21021"/>
          <ac:picMkLst>
            <pc:docMk/>
            <pc:sldMk cId="1443557190" sldId="329"/>
            <ac:picMk id="7" creationId="{EA60FFD3-A41B-98CD-3E76-4765D6B62FD7}"/>
          </ac:picMkLst>
        </pc:picChg>
        <pc:picChg chg="add del mod">
          <ac:chgData name="Ilham Timimi" userId="fb573b2d-6039-489c-a6a3-4841286e457d" providerId="ADAL" clId="{58A8E8C6-1790-4C9C-9548-2567BEBDA90B}" dt="2024-09-08T15:10:23.988" v="13871" actId="478"/>
          <ac:picMkLst>
            <pc:docMk/>
            <pc:sldMk cId="1443557190" sldId="329"/>
            <ac:picMk id="8" creationId="{68397210-9662-A54A-0743-A54F2395B3DF}"/>
          </ac:picMkLst>
        </pc:picChg>
        <pc:picChg chg="add del mod ord">
          <ac:chgData name="Ilham Timimi" userId="fb573b2d-6039-489c-a6a3-4841286e457d" providerId="ADAL" clId="{58A8E8C6-1790-4C9C-9548-2567BEBDA90B}" dt="2024-09-09T09:47:19.017" v="17529"/>
          <ac:picMkLst>
            <pc:docMk/>
            <pc:sldMk cId="1443557190" sldId="329"/>
            <ac:picMk id="9" creationId="{DAE31B9B-0AB7-02A6-A0B3-B5D8E08770F2}"/>
          </ac:picMkLst>
        </pc:picChg>
        <pc:picChg chg="add del mod">
          <ac:chgData name="Ilham Timimi" userId="fb573b2d-6039-489c-a6a3-4841286e457d" providerId="ADAL" clId="{58A8E8C6-1790-4C9C-9548-2567BEBDA90B}" dt="2024-09-09T09:47:23.508" v="17530" actId="478"/>
          <ac:picMkLst>
            <pc:docMk/>
            <pc:sldMk cId="1443557190" sldId="329"/>
            <ac:picMk id="10" creationId="{59FD1E49-1BBE-222F-6473-626B0962D9DD}"/>
          </ac:picMkLst>
        </pc:picChg>
        <pc:picChg chg="add del mod ord">
          <ac:chgData name="Ilham Timimi" userId="fb573b2d-6039-489c-a6a3-4841286e457d" providerId="ADAL" clId="{58A8E8C6-1790-4C9C-9548-2567BEBDA90B}" dt="2024-09-13T08:14:32.441" v="21022"/>
          <ac:picMkLst>
            <pc:docMk/>
            <pc:sldMk cId="1443557190" sldId="329"/>
            <ac:picMk id="12" creationId="{5FA21717-F452-A086-BC86-522CF274ACD8}"/>
          </ac:picMkLst>
        </pc:picChg>
        <pc:picChg chg="add del mod">
          <ac:chgData name="Ilham Timimi" userId="fb573b2d-6039-489c-a6a3-4841286e457d" providerId="ADAL" clId="{58A8E8C6-1790-4C9C-9548-2567BEBDA90B}" dt="2024-09-13T08:15:34.069" v="21059"/>
          <ac:picMkLst>
            <pc:docMk/>
            <pc:sldMk cId="1443557190" sldId="329"/>
            <ac:picMk id="13" creationId="{13E66EF0-8A16-DCCC-F769-0B24A6C5E5EA}"/>
          </ac:picMkLst>
        </pc:picChg>
        <pc:picChg chg="add del mod">
          <ac:chgData name="Ilham Timimi" userId="fb573b2d-6039-489c-a6a3-4841286e457d" providerId="ADAL" clId="{58A8E8C6-1790-4C9C-9548-2567BEBDA90B}" dt="2024-09-08T15:11:30.989" v="13874"/>
          <ac:picMkLst>
            <pc:docMk/>
            <pc:sldMk cId="1443557190" sldId="329"/>
            <ac:picMk id="13" creationId="{6C839062-E427-4D35-2CF0-07C6B97DA0D3}"/>
          </ac:picMkLst>
        </pc:picChg>
        <pc:picChg chg="add del mod">
          <ac:chgData name="Ilham Timimi" userId="fb573b2d-6039-489c-a6a3-4841286e457d" providerId="ADAL" clId="{58A8E8C6-1790-4C9C-9548-2567BEBDA90B}" dt="2024-09-08T15:11:38.875" v="13875" actId="478"/>
          <ac:picMkLst>
            <pc:docMk/>
            <pc:sldMk cId="1443557190" sldId="329"/>
            <ac:picMk id="14" creationId="{6CCF941A-1828-8ED9-2436-2485A250508D}"/>
          </ac:picMkLst>
        </pc:picChg>
        <pc:picChg chg="add del mod">
          <ac:chgData name="Ilham Timimi" userId="fb573b2d-6039-489c-a6a3-4841286e457d" providerId="ADAL" clId="{58A8E8C6-1790-4C9C-9548-2567BEBDA90B}" dt="2024-09-09T09:54:59.168" v="17533"/>
          <ac:picMkLst>
            <pc:docMk/>
            <pc:sldMk cId="1443557190" sldId="329"/>
            <ac:picMk id="15" creationId="{157CEF72-6645-33CD-5FB8-7268CD686FFB}"/>
          </ac:picMkLst>
        </pc:picChg>
        <pc:picChg chg="add del mod">
          <ac:chgData name="Ilham Timimi" userId="fb573b2d-6039-489c-a6a3-4841286e457d" providerId="ADAL" clId="{58A8E8C6-1790-4C9C-9548-2567BEBDA90B}" dt="2024-09-13T07:28:08.078" v="21002"/>
          <ac:picMkLst>
            <pc:docMk/>
            <pc:sldMk cId="1443557190" sldId="329"/>
            <ac:picMk id="16" creationId="{731777BA-FBDA-55A0-69AF-D71D0CC22855}"/>
          </ac:picMkLst>
        </pc:picChg>
        <pc:picChg chg="add del mod ord">
          <ac:chgData name="Ilham Timimi" userId="fb573b2d-6039-489c-a6a3-4841286e457d" providerId="ADAL" clId="{58A8E8C6-1790-4C9C-9548-2567BEBDA90B}" dt="2024-09-13T08:22:03.532" v="21060"/>
          <ac:picMkLst>
            <pc:docMk/>
            <pc:sldMk cId="1443557190" sldId="329"/>
            <ac:picMk id="18" creationId="{04D5A728-EF4C-E025-BE28-8E67CF1340AB}"/>
          </ac:picMkLst>
        </pc:picChg>
        <pc:picChg chg="add del mod">
          <ac:chgData name="Ilham Timimi" userId="fb573b2d-6039-489c-a6a3-4841286e457d" providerId="ADAL" clId="{58A8E8C6-1790-4C9C-9548-2567BEBDA90B}" dt="2024-09-13T10:00:33.644" v="21075"/>
          <ac:picMkLst>
            <pc:docMk/>
            <pc:sldMk cId="1443557190" sldId="329"/>
            <ac:picMk id="19" creationId="{56A3A459-1E4E-5FEF-1BB4-6BB94C5C2E03}"/>
          </ac:picMkLst>
        </pc:picChg>
        <pc:picChg chg="add del mod">
          <ac:chgData name="Ilham Timimi" userId="fb573b2d-6039-489c-a6a3-4841286e457d" providerId="ADAL" clId="{58A8E8C6-1790-4C9C-9548-2567BEBDA90B}" dt="2024-09-08T15:13:23.200" v="13878"/>
          <ac:picMkLst>
            <pc:docMk/>
            <pc:sldMk cId="1443557190" sldId="329"/>
            <ac:picMk id="19" creationId="{72725A9A-A89A-6E5C-AAED-6C8CF0E21026}"/>
          </ac:picMkLst>
        </pc:picChg>
        <pc:picChg chg="add del mod">
          <ac:chgData name="Ilham Timimi" userId="fb573b2d-6039-489c-a6a3-4841286e457d" providerId="ADAL" clId="{58A8E8C6-1790-4C9C-9548-2567BEBDA90B}" dt="2024-09-08T15:34:11.271" v="14878" actId="478"/>
          <ac:picMkLst>
            <pc:docMk/>
            <pc:sldMk cId="1443557190" sldId="329"/>
            <ac:picMk id="20" creationId="{6312B070-C3E8-5A87-6FDE-ACB6790BC11A}"/>
          </ac:picMkLst>
        </pc:picChg>
        <pc:picChg chg="add del mod ord">
          <ac:chgData name="Ilham Timimi" userId="fb573b2d-6039-489c-a6a3-4841286e457d" providerId="ADAL" clId="{58A8E8C6-1790-4C9C-9548-2567BEBDA90B}" dt="2024-09-13T10:56:01.187" v="21076"/>
          <ac:picMkLst>
            <pc:docMk/>
            <pc:sldMk cId="1443557190" sldId="329"/>
            <ac:picMk id="22" creationId="{52AC3A82-55E1-DB1D-2696-6003FCFE7C2E}"/>
          </ac:picMkLst>
        </pc:picChg>
        <pc:picChg chg="add del mod">
          <ac:chgData name="Ilham Timimi" userId="fb573b2d-6039-489c-a6a3-4841286e457d" providerId="ADAL" clId="{58A8E8C6-1790-4C9C-9548-2567BEBDA90B}" dt="2024-09-15T12:06:58.231" v="21197"/>
          <ac:picMkLst>
            <pc:docMk/>
            <pc:sldMk cId="1443557190" sldId="329"/>
            <ac:picMk id="23" creationId="{C7A76DDC-68A7-35B9-F535-6C7B6E51C88F}"/>
          </ac:picMkLst>
        </pc:picChg>
        <pc:picChg chg="add del mod ord">
          <ac:chgData name="Ilham Timimi" userId="fb573b2d-6039-489c-a6a3-4841286e457d" providerId="ADAL" clId="{58A8E8C6-1790-4C9C-9548-2567BEBDA90B}" dt="2024-09-15T12:11:16.222" v="21198"/>
          <ac:picMkLst>
            <pc:docMk/>
            <pc:sldMk cId="1443557190" sldId="329"/>
            <ac:picMk id="36" creationId="{2C1A2398-0B33-E7BB-44D3-1A0DF31AF613}"/>
          </ac:picMkLst>
        </pc:picChg>
        <pc:picChg chg="add del mod">
          <ac:chgData name="Ilham Timimi" userId="fb573b2d-6039-489c-a6a3-4841286e457d" providerId="ADAL" clId="{58A8E8C6-1790-4C9C-9548-2567BEBDA90B}" dt="2024-09-15T12:11:21.729" v="21200"/>
          <ac:picMkLst>
            <pc:docMk/>
            <pc:sldMk cId="1443557190" sldId="329"/>
            <ac:picMk id="37" creationId="{61260E3F-DB24-AD2B-5DEF-32A1A8D27C5F}"/>
          </ac:picMkLst>
        </pc:picChg>
        <pc:picChg chg="add del mod ord">
          <ac:chgData name="Ilham Timimi" userId="fb573b2d-6039-489c-a6a3-4841286e457d" providerId="ADAL" clId="{58A8E8C6-1790-4C9C-9548-2567BEBDA90B}" dt="2024-09-15T12:12:37.758" v="21201"/>
          <ac:picMkLst>
            <pc:docMk/>
            <pc:sldMk cId="1443557190" sldId="329"/>
            <ac:picMk id="40" creationId="{409CCEEC-A004-F68C-9791-25472C799803}"/>
          </ac:picMkLst>
        </pc:picChg>
        <pc:picChg chg="add del mod">
          <ac:chgData name="Ilham Timimi" userId="fb573b2d-6039-489c-a6a3-4841286e457d" providerId="ADAL" clId="{58A8E8C6-1790-4C9C-9548-2567BEBDA90B}" dt="2024-09-15T12:12:42.283" v="21203"/>
          <ac:picMkLst>
            <pc:docMk/>
            <pc:sldMk cId="1443557190" sldId="329"/>
            <ac:picMk id="41" creationId="{B9E29A6C-2D1C-529A-5329-FD3E9CC10B5D}"/>
          </ac:picMkLst>
        </pc:picChg>
        <pc:picChg chg="add del mod ord">
          <ac:chgData name="Ilham Timimi" userId="fb573b2d-6039-489c-a6a3-4841286e457d" providerId="ADAL" clId="{58A8E8C6-1790-4C9C-9548-2567BEBDA90B}" dt="2024-09-15T12:15:47.200" v="21204"/>
          <ac:picMkLst>
            <pc:docMk/>
            <pc:sldMk cId="1443557190" sldId="329"/>
            <ac:picMk id="44" creationId="{B4991CD2-09B2-646C-29C1-4406AD5685FC}"/>
          </ac:picMkLst>
        </pc:picChg>
        <pc:picChg chg="add del mod">
          <ac:chgData name="Ilham Timimi" userId="fb573b2d-6039-489c-a6a3-4841286e457d" providerId="ADAL" clId="{58A8E8C6-1790-4C9C-9548-2567BEBDA90B}" dt="2024-09-15T12:15:54.784" v="21206"/>
          <ac:picMkLst>
            <pc:docMk/>
            <pc:sldMk cId="1443557190" sldId="329"/>
            <ac:picMk id="45" creationId="{A88C5881-DB2C-2B07-0DDA-2E21CFCF380D}"/>
          </ac:picMkLst>
        </pc:picChg>
        <pc:picChg chg="add del mod ord">
          <ac:chgData name="Ilham Timimi" userId="fb573b2d-6039-489c-a6a3-4841286e457d" providerId="ADAL" clId="{58A8E8C6-1790-4C9C-9548-2567BEBDA90B}" dt="2024-09-15T12:22:52.753" v="21207"/>
          <ac:picMkLst>
            <pc:docMk/>
            <pc:sldMk cId="1443557190" sldId="329"/>
            <ac:picMk id="48" creationId="{E09BE5FA-351F-86B8-5429-62B0CB29BA62}"/>
          </ac:picMkLst>
        </pc:picChg>
        <pc:picChg chg="add mod">
          <ac:chgData name="Ilham Timimi" userId="fb573b2d-6039-489c-a6a3-4841286e457d" providerId="ADAL" clId="{58A8E8C6-1790-4C9C-9548-2567BEBDA90B}" dt="2024-09-15T12:22:52.753" v="21207"/>
          <ac:picMkLst>
            <pc:docMk/>
            <pc:sldMk cId="1443557190" sldId="329"/>
            <ac:picMk id="49" creationId="{12A3C286-2924-6E1E-1583-1D36C65B3527}"/>
          </ac:picMkLst>
        </pc:picChg>
      </pc:sldChg>
      <pc:sldChg chg="addSp modSp del mod modTransition">
        <pc:chgData name="Ilham Timimi" userId="fb573b2d-6039-489c-a6a3-4841286e457d" providerId="ADAL" clId="{58A8E8C6-1790-4C9C-9548-2567BEBDA90B}" dt="2024-09-13T10:56:22.842" v="21077" actId="47"/>
        <pc:sldMkLst>
          <pc:docMk/>
          <pc:sldMk cId="3757911632" sldId="330"/>
        </pc:sldMkLst>
        <pc:spChg chg="mod">
          <ac:chgData name="Ilham Timimi" userId="fb573b2d-6039-489c-a6a3-4841286e457d" providerId="ADAL" clId="{58A8E8C6-1790-4C9C-9548-2567BEBDA90B}" dt="2024-09-09T20:06:08.609" v="18596" actId="20577"/>
          <ac:spMkLst>
            <pc:docMk/>
            <pc:sldMk cId="3757911632" sldId="330"/>
            <ac:spMk id="2" creationId="{9B5CCC82-DB83-0873-8282-375BE5BEE461}"/>
          </ac:spMkLst>
        </pc:spChg>
        <pc:spChg chg="mod">
          <ac:chgData name="Ilham Timimi" userId="fb573b2d-6039-489c-a6a3-4841286e457d" providerId="ADAL" clId="{58A8E8C6-1790-4C9C-9548-2567BEBDA90B}" dt="2024-09-10T11:59:12.640" v="19873" actId="20577"/>
          <ac:spMkLst>
            <pc:docMk/>
            <pc:sldMk cId="3757911632" sldId="330"/>
            <ac:spMk id="3" creationId="{127D8B52-C754-AFFF-D5E8-F31FD93DD503}"/>
          </ac:spMkLst>
        </pc:spChg>
        <pc:picChg chg="add mod">
          <ac:chgData name="Ilham Timimi" userId="fb573b2d-6039-489c-a6a3-4841286e457d" providerId="ADAL" clId="{58A8E8C6-1790-4C9C-9548-2567BEBDA90B}" dt="2024-09-13T10:56:01.187" v="21076"/>
          <ac:picMkLst>
            <pc:docMk/>
            <pc:sldMk cId="3757911632" sldId="330"/>
            <ac:picMk id="25" creationId="{7CF2BA9A-ECB6-BFE0-0C31-63490ADBEEDD}"/>
          </ac:picMkLst>
        </pc:picChg>
      </pc:sldChg>
      <pc:sldChg chg="addSp modSp mod modTransition modNotesTx">
        <pc:chgData name="Ilham Timimi" userId="fb573b2d-6039-489c-a6a3-4841286e457d" providerId="ADAL" clId="{58A8E8C6-1790-4C9C-9548-2567BEBDA90B}" dt="2024-09-13T10:56:01.187" v="21076"/>
        <pc:sldMkLst>
          <pc:docMk/>
          <pc:sldMk cId="3147870488" sldId="331"/>
        </pc:sldMkLst>
        <pc:spChg chg="mod">
          <ac:chgData name="Ilham Timimi" userId="fb573b2d-6039-489c-a6a3-4841286e457d" providerId="ADAL" clId="{58A8E8C6-1790-4C9C-9548-2567BEBDA90B}" dt="2024-09-09T08:51:36.098" v="17111" actId="20577"/>
          <ac:spMkLst>
            <pc:docMk/>
            <pc:sldMk cId="3147870488" sldId="331"/>
            <ac:spMk id="4" creationId="{FFD1B318-0405-CD1A-80C2-0B014DDDBD08}"/>
          </ac:spMkLst>
        </pc:spChg>
        <pc:picChg chg="add mod">
          <ac:chgData name="Ilham Timimi" userId="fb573b2d-6039-489c-a6a3-4841286e457d" providerId="ADAL" clId="{58A8E8C6-1790-4C9C-9548-2567BEBDA90B}" dt="2024-09-13T10:56:01.187" v="21076"/>
          <ac:picMkLst>
            <pc:docMk/>
            <pc:sldMk cId="3147870488" sldId="331"/>
            <ac:picMk id="8" creationId="{D042BF1F-4327-1871-6815-6971F7DCE6B4}"/>
          </ac:picMkLst>
        </pc:picChg>
      </pc:sldChg>
      <pc:sldChg chg="addSp delSp modSp mod modTransition delAnim modAnim modNotesTx">
        <pc:chgData name="Ilham Timimi" userId="fb573b2d-6039-489c-a6a3-4841286e457d" providerId="ADAL" clId="{58A8E8C6-1790-4C9C-9548-2567BEBDA90B}" dt="2024-09-19T12:26:26.803" v="21235" actId="20577"/>
        <pc:sldMkLst>
          <pc:docMk/>
          <pc:sldMk cId="308096609" sldId="332"/>
        </pc:sldMkLst>
        <pc:spChg chg="mod">
          <ac:chgData name="Ilham Timimi" userId="fb573b2d-6039-489c-a6a3-4841286e457d" providerId="ADAL" clId="{58A8E8C6-1790-4C9C-9548-2567BEBDA90B}" dt="2024-08-29T12:28:45.404" v="11239" actId="20577"/>
          <ac:spMkLst>
            <pc:docMk/>
            <pc:sldMk cId="308096609" sldId="332"/>
            <ac:spMk id="3" creationId="{8B3CA8C1-AC9B-7170-71C2-B08CFB3DA7EE}"/>
          </ac:spMkLst>
        </pc:spChg>
        <pc:spChg chg="add mod">
          <ac:chgData name="Ilham Timimi" userId="fb573b2d-6039-489c-a6a3-4841286e457d" providerId="ADAL" clId="{58A8E8C6-1790-4C9C-9548-2567BEBDA90B}" dt="2024-09-10T06:35:44.067" v="18603" actId="478"/>
          <ac:spMkLst>
            <pc:docMk/>
            <pc:sldMk cId="308096609" sldId="332"/>
            <ac:spMk id="10" creationId="{18EB992B-77DA-B17F-911B-35F569F8E414}"/>
          </ac:spMkLst>
        </pc:spChg>
        <pc:spChg chg="mod">
          <ac:chgData name="Ilham Timimi" userId="fb573b2d-6039-489c-a6a3-4841286e457d" providerId="ADAL" clId="{58A8E8C6-1790-4C9C-9548-2567BEBDA90B}" dt="2024-08-29T12:41:53.301" v="11332" actId="20577"/>
          <ac:spMkLst>
            <pc:docMk/>
            <pc:sldMk cId="308096609" sldId="332"/>
            <ac:spMk id="15" creationId="{30F3CDE6-05F1-4C65-B44E-04678AF8053D}"/>
          </ac:spMkLst>
        </pc:spChg>
        <pc:picChg chg="add del mod ord">
          <ac:chgData name="Ilham Timimi" userId="fb573b2d-6039-489c-a6a3-4841286e457d" providerId="ADAL" clId="{58A8E8C6-1790-4C9C-9548-2567BEBDA90B}" dt="2024-09-13T10:56:01.187" v="21076"/>
          <ac:picMkLst>
            <pc:docMk/>
            <pc:sldMk cId="308096609" sldId="332"/>
            <ac:picMk id="2" creationId="{1AADC596-D2FF-0A05-5436-167868C1D3E8}"/>
          </ac:picMkLst>
        </pc:picChg>
        <pc:picChg chg="add mod">
          <ac:chgData name="Ilham Timimi" userId="fb573b2d-6039-489c-a6a3-4841286e457d" providerId="ADAL" clId="{58A8E8C6-1790-4C9C-9548-2567BEBDA90B}" dt="2024-09-13T10:56:01.187" v="21076"/>
          <ac:picMkLst>
            <pc:docMk/>
            <pc:sldMk cId="308096609" sldId="332"/>
            <ac:picMk id="4" creationId="{6B5B9A73-635B-F1D6-0E60-E138B1036B01}"/>
          </ac:picMkLst>
        </pc:picChg>
        <pc:picChg chg="add del mod">
          <ac:chgData name="Ilham Timimi" userId="fb573b2d-6039-489c-a6a3-4841286e457d" providerId="ADAL" clId="{58A8E8C6-1790-4C9C-9548-2567BEBDA90B}" dt="2024-09-10T06:35:49.349" v="18605" actId="478"/>
          <ac:picMkLst>
            <pc:docMk/>
            <pc:sldMk cId="308096609" sldId="332"/>
            <ac:picMk id="5" creationId="{FA73A60B-8528-2583-3ACE-04833D1F155B}"/>
          </ac:picMkLst>
        </pc:picChg>
        <pc:picChg chg="add del mod">
          <ac:chgData name="Ilham Timimi" userId="fb573b2d-6039-489c-a6a3-4841286e457d" providerId="ADAL" clId="{58A8E8C6-1790-4C9C-9548-2567BEBDA90B}" dt="2024-09-10T08:26:39.035" v="19355"/>
          <ac:picMkLst>
            <pc:docMk/>
            <pc:sldMk cId="308096609" sldId="332"/>
            <ac:picMk id="8" creationId="{C1514537-0796-F180-C225-B85728458117}"/>
          </ac:picMkLst>
        </pc:picChg>
        <pc:picChg chg="add del mod">
          <ac:chgData name="Ilham Timimi" userId="fb573b2d-6039-489c-a6a3-4841286e457d" providerId="ADAL" clId="{58A8E8C6-1790-4C9C-9548-2567BEBDA90B}" dt="2024-09-10T06:50:20.266" v="18614"/>
          <ac:picMkLst>
            <pc:docMk/>
            <pc:sldMk cId="308096609" sldId="332"/>
            <ac:picMk id="14" creationId="{086F288D-88AA-58B2-7B25-A2CFC512D4CE}"/>
          </ac:picMkLst>
        </pc:picChg>
        <pc:picChg chg="add del mod">
          <ac:chgData name="Ilham Timimi" userId="fb573b2d-6039-489c-a6a3-4841286e457d" providerId="ADAL" clId="{58A8E8C6-1790-4C9C-9548-2567BEBDA90B}" dt="2024-09-13T07:28:08.078" v="21002"/>
          <ac:picMkLst>
            <pc:docMk/>
            <pc:sldMk cId="308096609" sldId="332"/>
            <ac:picMk id="16" creationId="{441D9795-F5A5-E8B0-1E17-2051C5FCFD86}"/>
          </ac:picMkLst>
        </pc:picChg>
      </pc:sldChg>
      <pc:sldChg chg="addSp modSp modTransition">
        <pc:chgData name="Ilham Timimi" userId="fb573b2d-6039-489c-a6a3-4841286e457d" providerId="ADAL" clId="{58A8E8C6-1790-4C9C-9548-2567BEBDA90B}" dt="2024-09-13T10:56:01.187" v="21076"/>
        <pc:sldMkLst>
          <pc:docMk/>
          <pc:sldMk cId="2833670023" sldId="333"/>
        </pc:sldMkLst>
        <pc:picChg chg="mod">
          <ac:chgData name="Ilham Timimi" userId="fb573b2d-6039-489c-a6a3-4841286e457d" providerId="ADAL" clId="{58A8E8C6-1790-4C9C-9548-2567BEBDA90B}" dt="2024-09-10T08:26:39.049" v="19356"/>
          <ac:picMkLst>
            <pc:docMk/>
            <pc:sldMk cId="2833670023" sldId="333"/>
            <ac:picMk id="7" creationId="{C6207F18-AE94-CDF8-0F7F-E0D23AE0B5DE}"/>
          </ac:picMkLst>
        </pc:picChg>
        <pc:picChg chg="add mod">
          <ac:chgData name="Ilham Timimi" userId="fb573b2d-6039-489c-a6a3-4841286e457d" providerId="ADAL" clId="{58A8E8C6-1790-4C9C-9548-2567BEBDA90B}" dt="2024-09-13T10:56:01.187" v="21076"/>
          <ac:picMkLst>
            <pc:docMk/>
            <pc:sldMk cId="2833670023" sldId="333"/>
            <ac:picMk id="8" creationId="{DC8321B1-F345-3E45-95A8-C751D618CE95}"/>
          </ac:picMkLst>
        </pc:picChg>
      </pc:sldChg>
      <pc:sldChg chg="addSp delSp modSp mod modTransition delAnim modAnim modNotesTx">
        <pc:chgData name="Ilham Timimi" userId="fb573b2d-6039-489c-a6a3-4841286e457d" providerId="ADAL" clId="{58A8E8C6-1790-4C9C-9548-2567BEBDA90B}" dt="2024-09-19T12:26:10.114" v="21231" actId="20577"/>
        <pc:sldMkLst>
          <pc:docMk/>
          <pc:sldMk cId="2524473594" sldId="336"/>
        </pc:sldMkLst>
        <pc:spChg chg="mod">
          <ac:chgData name="Ilham Timimi" userId="fb573b2d-6039-489c-a6a3-4841286e457d" providerId="ADAL" clId="{58A8E8C6-1790-4C9C-9548-2567BEBDA90B}" dt="2024-08-26T11:56:36.585" v="10530" actId="404"/>
          <ac:spMkLst>
            <pc:docMk/>
            <pc:sldMk cId="2524473594" sldId="336"/>
            <ac:spMk id="4" creationId="{32AC2731-49DA-AF55-0EBA-BE4BF936EFB9}"/>
          </ac:spMkLst>
        </pc:spChg>
        <pc:picChg chg="add del mod">
          <ac:chgData name="Ilham Timimi" userId="fb573b2d-6039-489c-a6a3-4841286e457d" providerId="ADAL" clId="{58A8E8C6-1790-4C9C-9548-2567BEBDA90B}" dt="2024-09-13T07:43:38.898" v="21003"/>
          <ac:picMkLst>
            <pc:docMk/>
            <pc:sldMk cId="2524473594" sldId="336"/>
            <ac:picMk id="5" creationId="{E6292DE0-82E2-75D2-02A5-030234A9D8D4}"/>
          </ac:picMkLst>
        </pc:picChg>
        <pc:picChg chg="add del mod ord">
          <ac:chgData name="Ilham Timimi" userId="fb573b2d-6039-489c-a6a3-4841286e457d" providerId="ADAL" clId="{58A8E8C6-1790-4C9C-9548-2567BEBDA90B}" dt="2024-09-09T09:31:45.317" v="17474"/>
          <ac:picMkLst>
            <pc:docMk/>
            <pc:sldMk cId="2524473594" sldId="336"/>
            <ac:picMk id="5" creationId="{E70288E2-E313-ED25-F872-7CB7A9D12672}"/>
          </ac:picMkLst>
        </pc:picChg>
        <pc:picChg chg="add del mod">
          <ac:chgData name="Ilham Timimi" userId="fb573b2d-6039-489c-a6a3-4841286e457d" providerId="ADAL" clId="{58A8E8C6-1790-4C9C-9548-2567BEBDA90B}" dt="2024-09-08T14:58:21.417" v="13785" actId="478"/>
          <ac:picMkLst>
            <pc:docMk/>
            <pc:sldMk cId="2524473594" sldId="336"/>
            <ac:picMk id="7" creationId="{367D9BE2-9D8E-F5AA-6142-E2C5AA7DDE45}"/>
          </ac:picMkLst>
        </pc:picChg>
        <pc:picChg chg="add del mod">
          <ac:chgData name="Ilham Timimi" userId="fb573b2d-6039-489c-a6a3-4841286e457d" providerId="ADAL" clId="{58A8E8C6-1790-4C9C-9548-2567BEBDA90B}" dt="2024-09-13T07:44:14.357" v="21005"/>
          <ac:picMkLst>
            <pc:docMk/>
            <pc:sldMk cId="2524473594" sldId="336"/>
            <ac:picMk id="7" creationId="{5345646C-3F4E-1DC1-DE39-FE90DC059CCA}"/>
          </ac:picMkLst>
        </pc:picChg>
        <pc:picChg chg="add del mod">
          <ac:chgData name="Ilham Timimi" userId="fb573b2d-6039-489c-a6a3-4841286e457d" providerId="ADAL" clId="{58A8E8C6-1790-4C9C-9548-2567BEBDA90B}" dt="2024-09-10T12:18:14.130" v="20291" actId="478"/>
          <ac:picMkLst>
            <pc:docMk/>
            <pc:sldMk cId="2524473594" sldId="336"/>
            <ac:picMk id="7" creationId="{689E672B-A491-D54E-1A5F-3DC7D7FAFEEE}"/>
          </ac:picMkLst>
        </pc:picChg>
        <pc:picChg chg="add del mod ord">
          <ac:chgData name="Ilham Timimi" userId="fb573b2d-6039-489c-a6a3-4841286e457d" providerId="ADAL" clId="{58A8E8C6-1790-4C9C-9548-2567BEBDA90B}" dt="2024-09-13T07:50:18.713" v="21006"/>
          <ac:picMkLst>
            <pc:docMk/>
            <pc:sldMk cId="2524473594" sldId="336"/>
            <ac:picMk id="9" creationId="{A770A870-DA88-BFA5-6357-84DD7FEE3653}"/>
          </ac:picMkLst>
        </pc:picChg>
        <pc:picChg chg="add del mod">
          <ac:chgData name="Ilham Timimi" userId="fb573b2d-6039-489c-a6a3-4841286e457d" providerId="ADAL" clId="{58A8E8C6-1790-4C9C-9548-2567BEBDA90B}" dt="2024-09-13T08:08:09.350" v="21018"/>
          <ac:picMkLst>
            <pc:docMk/>
            <pc:sldMk cId="2524473594" sldId="336"/>
            <ac:picMk id="10" creationId="{0E76B894-798C-F2F8-8196-5545EE7A8A81}"/>
          </ac:picMkLst>
        </pc:picChg>
        <pc:picChg chg="add del mod">
          <ac:chgData name="Ilham Timimi" userId="fb573b2d-6039-489c-a6a3-4841286e457d" providerId="ADAL" clId="{58A8E8C6-1790-4C9C-9548-2567BEBDA90B}" dt="2024-09-08T15:00:13.625" v="13788"/>
          <ac:picMkLst>
            <pc:docMk/>
            <pc:sldMk cId="2524473594" sldId="336"/>
            <ac:picMk id="12" creationId="{FA791D16-E736-23CE-70F2-6593EF3E17AC}"/>
          </ac:picMkLst>
        </pc:picChg>
        <pc:picChg chg="add del mod">
          <ac:chgData name="Ilham Timimi" userId="fb573b2d-6039-489c-a6a3-4841286e457d" providerId="ADAL" clId="{58A8E8C6-1790-4C9C-9548-2567BEBDA90B}" dt="2024-09-08T15:00:20.030" v="13789" actId="478"/>
          <ac:picMkLst>
            <pc:docMk/>
            <pc:sldMk cId="2524473594" sldId="336"/>
            <ac:picMk id="13" creationId="{E8F39007-8D81-5D3F-D7F8-EAA6161674C0}"/>
          </ac:picMkLst>
        </pc:picChg>
        <pc:picChg chg="mod">
          <ac:chgData name="Ilham Timimi" userId="fb573b2d-6039-489c-a6a3-4841286e457d" providerId="ADAL" clId="{58A8E8C6-1790-4C9C-9548-2567BEBDA90B}" dt="2024-09-10T08:26:39.021" v="19354"/>
          <ac:picMkLst>
            <pc:docMk/>
            <pc:sldMk cId="2524473594" sldId="336"/>
            <ac:picMk id="15" creationId="{596E27D4-8BC5-F5B9-539C-1BA0AE45CB0B}"/>
          </ac:picMkLst>
        </pc:picChg>
        <pc:picChg chg="add del mod ord">
          <ac:chgData name="Ilham Timimi" userId="fb573b2d-6039-489c-a6a3-4841286e457d" providerId="ADAL" clId="{58A8E8C6-1790-4C9C-9548-2567BEBDA90B}" dt="2024-09-13T08:09:11.644" v="21019"/>
          <ac:picMkLst>
            <pc:docMk/>
            <pc:sldMk cId="2524473594" sldId="336"/>
            <ac:picMk id="19" creationId="{52BBB425-FD0B-A841-0264-45ED210A36D0}"/>
          </ac:picMkLst>
        </pc:picChg>
        <pc:picChg chg="add del mod">
          <ac:chgData name="Ilham Timimi" userId="fb573b2d-6039-489c-a6a3-4841286e457d" providerId="ADAL" clId="{58A8E8C6-1790-4C9C-9548-2567BEBDA90B}" dt="2024-09-08T15:04:32.193" v="13793"/>
          <ac:picMkLst>
            <pc:docMk/>
            <pc:sldMk cId="2524473594" sldId="336"/>
            <ac:picMk id="19" creationId="{DD745D0C-3A6E-AFD6-EA00-2121BE80DCA0}"/>
          </ac:picMkLst>
        </pc:picChg>
        <pc:picChg chg="add del mod">
          <ac:chgData name="Ilham Timimi" userId="fb573b2d-6039-489c-a6a3-4841286e457d" providerId="ADAL" clId="{58A8E8C6-1790-4C9C-9548-2567BEBDA90B}" dt="2024-09-09T09:03:46.640" v="17473"/>
          <ac:picMkLst>
            <pc:docMk/>
            <pc:sldMk cId="2524473594" sldId="336"/>
            <ac:picMk id="20" creationId="{8851C09D-515E-EF89-8AF4-8477238D2FBB}"/>
          </ac:picMkLst>
        </pc:picChg>
        <pc:picChg chg="add del mod">
          <ac:chgData name="Ilham Timimi" userId="fb573b2d-6039-489c-a6a3-4841286e457d" providerId="ADAL" clId="{58A8E8C6-1790-4C9C-9548-2567BEBDA90B}" dt="2024-09-13T10:00:33.644" v="21075"/>
          <ac:picMkLst>
            <pc:docMk/>
            <pc:sldMk cId="2524473594" sldId="336"/>
            <ac:picMk id="20" creationId="{A30C6A7C-DA8B-ABF7-D3CE-F6B7AC8BEB88}"/>
          </ac:picMkLst>
        </pc:picChg>
        <pc:picChg chg="add del mod ord">
          <ac:chgData name="Ilham Timimi" userId="fb573b2d-6039-489c-a6a3-4841286e457d" providerId="ADAL" clId="{58A8E8C6-1790-4C9C-9548-2567BEBDA90B}" dt="2024-09-13T10:56:01.187" v="21076"/>
          <ac:picMkLst>
            <pc:docMk/>
            <pc:sldMk cId="2524473594" sldId="336"/>
            <ac:picMk id="22" creationId="{7E8A1856-FEAC-3F55-2FB3-0F4890878A0F}"/>
          </ac:picMkLst>
        </pc:picChg>
        <pc:picChg chg="add del mod">
          <ac:chgData name="Ilham Timimi" userId="fb573b2d-6039-489c-a6a3-4841286e457d" providerId="ADAL" clId="{58A8E8C6-1790-4C9C-9548-2567BEBDA90B}" dt="2024-09-15T11:39:44.178" v="21188"/>
          <ac:picMkLst>
            <pc:docMk/>
            <pc:sldMk cId="2524473594" sldId="336"/>
            <ac:picMk id="23" creationId="{0885B9E2-737F-4A61-1A35-E16672398F04}"/>
          </ac:picMkLst>
        </pc:picChg>
        <pc:picChg chg="add del mod ord">
          <ac:chgData name="Ilham Timimi" userId="fb573b2d-6039-489c-a6a3-4841286e457d" providerId="ADAL" clId="{58A8E8C6-1790-4C9C-9548-2567BEBDA90B}" dt="2024-09-15T11:45:34.115" v="21189"/>
          <ac:picMkLst>
            <pc:docMk/>
            <pc:sldMk cId="2524473594" sldId="336"/>
            <ac:picMk id="25" creationId="{169A7E11-9185-B24A-B87A-FFAD8A86E9EF}"/>
          </ac:picMkLst>
        </pc:picChg>
        <pc:picChg chg="add del mod">
          <ac:chgData name="Ilham Timimi" userId="fb573b2d-6039-489c-a6a3-4841286e457d" providerId="ADAL" clId="{58A8E8C6-1790-4C9C-9548-2567BEBDA90B}" dt="2024-09-15T11:45:46.992" v="21191"/>
          <ac:picMkLst>
            <pc:docMk/>
            <pc:sldMk cId="2524473594" sldId="336"/>
            <ac:picMk id="26" creationId="{3223D342-C93A-3442-5941-E1F9992B4EB9}"/>
          </ac:picMkLst>
        </pc:picChg>
        <pc:picChg chg="add del mod ord">
          <ac:chgData name="Ilham Timimi" userId="fb573b2d-6039-489c-a6a3-4841286e457d" providerId="ADAL" clId="{58A8E8C6-1790-4C9C-9548-2567BEBDA90B}" dt="2024-09-15T11:46:28.735" v="21192"/>
          <ac:picMkLst>
            <pc:docMk/>
            <pc:sldMk cId="2524473594" sldId="336"/>
            <ac:picMk id="29" creationId="{61E9FB69-B720-745F-8F04-D82DEF0AB61C}"/>
          </ac:picMkLst>
        </pc:picChg>
        <pc:picChg chg="add del mod">
          <ac:chgData name="Ilham Timimi" userId="fb573b2d-6039-489c-a6a3-4841286e457d" providerId="ADAL" clId="{58A8E8C6-1790-4C9C-9548-2567BEBDA90B}" dt="2024-09-15T11:46:32.423" v="21194"/>
          <ac:picMkLst>
            <pc:docMk/>
            <pc:sldMk cId="2524473594" sldId="336"/>
            <ac:picMk id="30" creationId="{2E588B11-7055-BEB7-180F-4198678D8D3D}"/>
          </ac:picMkLst>
        </pc:picChg>
        <pc:picChg chg="add del mod ord">
          <ac:chgData name="Ilham Timimi" userId="fb573b2d-6039-489c-a6a3-4841286e457d" providerId="ADAL" clId="{58A8E8C6-1790-4C9C-9548-2567BEBDA90B}" dt="2024-09-15T11:51:50.751" v="21195"/>
          <ac:picMkLst>
            <pc:docMk/>
            <pc:sldMk cId="2524473594" sldId="336"/>
            <ac:picMk id="33" creationId="{EEE13919-966C-6652-D7B3-C5177A86CBE0}"/>
          </ac:picMkLst>
        </pc:picChg>
        <pc:picChg chg="add mod">
          <ac:chgData name="Ilham Timimi" userId="fb573b2d-6039-489c-a6a3-4841286e457d" providerId="ADAL" clId="{58A8E8C6-1790-4C9C-9548-2567BEBDA90B}" dt="2024-09-15T11:51:50.751" v="21195"/>
          <ac:picMkLst>
            <pc:docMk/>
            <pc:sldMk cId="2524473594" sldId="336"/>
            <ac:picMk id="34" creationId="{22B33608-D465-59E0-1038-B69DB3D84D1E}"/>
          </ac:picMkLst>
        </pc:picChg>
      </pc:sldChg>
      <pc:sldChg chg="addSp delSp modSp mod ord modTransition modAnim modNotesTx">
        <pc:chgData name="Ilham Timimi" userId="fb573b2d-6039-489c-a6a3-4841286e457d" providerId="ADAL" clId="{58A8E8C6-1790-4C9C-9548-2567BEBDA90B}" dt="2024-09-19T12:26:22.443" v="21234" actId="20577"/>
        <pc:sldMkLst>
          <pc:docMk/>
          <pc:sldMk cId="4208300427" sldId="337"/>
        </pc:sldMkLst>
        <pc:spChg chg="mod">
          <ac:chgData name="Ilham Timimi" userId="fb573b2d-6039-489c-a6a3-4841286e457d" providerId="ADAL" clId="{58A8E8C6-1790-4C9C-9548-2567BEBDA90B}" dt="2024-09-10T06:45:55.556" v="18607" actId="20577"/>
          <ac:spMkLst>
            <pc:docMk/>
            <pc:sldMk cId="4208300427" sldId="337"/>
            <ac:spMk id="5" creationId="{82BC32E2-83AE-57B5-8439-A1D4DAF6B98E}"/>
          </ac:spMkLst>
        </pc:spChg>
        <pc:picChg chg="add del mod ord">
          <ac:chgData name="Ilham Timimi" userId="fb573b2d-6039-489c-a6a3-4841286e457d" providerId="ADAL" clId="{58A8E8C6-1790-4C9C-9548-2567BEBDA90B}" dt="2024-09-13T10:56:01.187" v="21076"/>
          <ac:picMkLst>
            <pc:docMk/>
            <pc:sldMk cId="4208300427" sldId="337"/>
            <ac:picMk id="4" creationId="{6063A939-5853-76E4-640A-4FE821990EC2}"/>
          </ac:picMkLst>
        </pc:picChg>
        <pc:picChg chg="add mod">
          <ac:chgData name="Ilham Timimi" userId="fb573b2d-6039-489c-a6a3-4841286e457d" providerId="ADAL" clId="{58A8E8C6-1790-4C9C-9548-2567BEBDA90B}" dt="2024-09-13T10:56:01.187" v="21076"/>
          <ac:picMkLst>
            <pc:docMk/>
            <pc:sldMk cId="4208300427" sldId="337"/>
            <ac:picMk id="7" creationId="{0DE2E500-F384-9BFC-FB73-BE365C640411}"/>
          </ac:picMkLst>
        </pc:picChg>
        <pc:picChg chg="add del mod">
          <ac:chgData name="Ilham Timimi" userId="fb573b2d-6039-489c-a6a3-4841286e457d" providerId="ADAL" clId="{58A8E8C6-1790-4C9C-9548-2567BEBDA90B}" dt="2024-09-13T07:28:08.078" v="21002"/>
          <ac:picMkLst>
            <pc:docMk/>
            <pc:sldMk cId="4208300427" sldId="337"/>
            <ac:picMk id="9" creationId="{8B820433-2049-3CB4-2F97-66FD5C38FBF9}"/>
          </ac:picMkLst>
        </pc:picChg>
      </pc:sldChg>
      <pc:sldChg chg="addSp modSp mod ord modTransition modShow">
        <pc:chgData name="Ilham Timimi" userId="fb573b2d-6039-489c-a6a3-4841286e457d" providerId="ADAL" clId="{58A8E8C6-1790-4C9C-9548-2567BEBDA90B}" dt="2024-09-13T10:56:45.482" v="21079" actId="729"/>
        <pc:sldMkLst>
          <pc:docMk/>
          <pc:sldMk cId="2337100518" sldId="338"/>
        </pc:sldMkLst>
        <pc:spChg chg="mod">
          <ac:chgData name="Ilham Timimi" userId="fb573b2d-6039-489c-a6a3-4841286e457d" providerId="ADAL" clId="{58A8E8C6-1790-4C9C-9548-2567BEBDA90B}" dt="2024-08-30T07:09:27.175" v="11795" actId="20577"/>
          <ac:spMkLst>
            <pc:docMk/>
            <pc:sldMk cId="2337100518" sldId="338"/>
            <ac:spMk id="2" creationId="{EF7F8DC3-C179-D601-6102-A3D03344DEBC}"/>
          </ac:spMkLst>
        </pc:spChg>
        <pc:spChg chg="mod">
          <ac:chgData name="Ilham Timimi" userId="fb573b2d-6039-489c-a6a3-4841286e457d" providerId="ADAL" clId="{58A8E8C6-1790-4C9C-9548-2567BEBDA90B}" dt="2024-09-10T12:56:10.615" v="20984" actId="20577"/>
          <ac:spMkLst>
            <pc:docMk/>
            <pc:sldMk cId="2337100518" sldId="338"/>
            <ac:spMk id="3" creationId="{ED15DD54-1704-E610-ED5B-D4682614ACA0}"/>
          </ac:spMkLst>
        </pc:spChg>
        <pc:spChg chg="mod">
          <ac:chgData name="Ilham Timimi" userId="fb573b2d-6039-489c-a6a3-4841286e457d" providerId="ADAL" clId="{58A8E8C6-1790-4C9C-9548-2567BEBDA90B}" dt="2024-09-10T12:35:06.081" v="20967" actId="20577"/>
          <ac:spMkLst>
            <pc:docMk/>
            <pc:sldMk cId="2337100518" sldId="338"/>
            <ac:spMk id="4" creationId="{8B18C13E-1F0E-C2A4-4081-40C935DAF22D}"/>
          </ac:spMkLst>
        </pc:spChg>
        <pc:picChg chg="add mod">
          <ac:chgData name="Ilham Timimi" userId="fb573b2d-6039-489c-a6a3-4841286e457d" providerId="ADAL" clId="{58A8E8C6-1790-4C9C-9548-2567BEBDA90B}" dt="2024-09-13T10:56:01.187" v="21076"/>
          <ac:picMkLst>
            <pc:docMk/>
            <pc:sldMk cId="2337100518" sldId="338"/>
            <ac:picMk id="8" creationId="{C1C13A3B-B487-F473-CE49-EA689C807A22}"/>
          </ac:picMkLst>
        </pc:picChg>
      </pc:sldChg>
      <pc:sldChg chg="del mod ord modShow">
        <pc:chgData name="Ilham Timimi" userId="fb573b2d-6039-489c-a6a3-4841286e457d" providerId="ADAL" clId="{58A8E8C6-1790-4C9C-9548-2567BEBDA90B}" dt="2024-09-03T11:39:30.369" v="13577" actId="2696"/>
        <pc:sldMkLst>
          <pc:docMk/>
          <pc:sldMk cId="1949360252" sldId="339"/>
        </pc:sldMkLst>
      </pc:sldChg>
      <pc:sldChg chg="addSp delSp modSp del mod modTransition delAnim modShow modNotesTx">
        <pc:chgData name="Ilham Timimi" userId="fb573b2d-6039-489c-a6a3-4841286e457d" providerId="ADAL" clId="{58A8E8C6-1790-4C9C-9548-2567BEBDA90B}" dt="2024-09-10T12:53:45.503" v="20974" actId="47"/>
        <pc:sldMkLst>
          <pc:docMk/>
          <pc:sldMk cId="3390788502" sldId="340"/>
        </pc:sldMkLst>
        <pc:spChg chg="mod">
          <ac:chgData name="Ilham Timimi" userId="fb573b2d-6039-489c-a6a3-4841286e457d" providerId="ADAL" clId="{58A8E8C6-1790-4C9C-9548-2567BEBDA90B}" dt="2024-08-30T07:08:48.083" v="11783" actId="20577"/>
          <ac:spMkLst>
            <pc:docMk/>
            <pc:sldMk cId="3390788502" sldId="340"/>
            <ac:spMk id="2" creationId="{156CB3A2-BC43-90E7-D63B-58ED803DD347}"/>
          </ac:spMkLst>
        </pc:spChg>
        <pc:spChg chg="mod">
          <ac:chgData name="Ilham Timimi" userId="fb573b2d-6039-489c-a6a3-4841286e457d" providerId="ADAL" clId="{58A8E8C6-1790-4C9C-9548-2567BEBDA90B}" dt="2024-08-21T11:39:14.571" v="8754" actId="20577"/>
          <ac:spMkLst>
            <pc:docMk/>
            <pc:sldMk cId="3390788502" sldId="340"/>
            <ac:spMk id="3" creationId="{2CAFA0D5-8AF5-1ABE-173D-2E355B7B12EB}"/>
          </ac:spMkLst>
        </pc:spChg>
        <pc:spChg chg="mod">
          <ac:chgData name="Ilham Timimi" userId="fb573b2d-6039-489c-a6a3-4841286e457d" providerId="ADAL" clId="{58A8E8C6-1790-4C9C-9548-2567BEBDA90B}" dt="2024-09-10T08:14:44.630" v="18961" actId="20577"/>
          <ac:spMkLst>
            <pc:docMk/>
            <pc:sldMk cId="3390788502" sldId="340"/>
            <ac:spMk id="4" creationId="{C7ECC16C-A77D-9FA2-7E04-2C13DF597FBB}"/>
          </ac:spMkLst>
        </pc:spChg>
        <pc:picChg chg="add del mod">
          <ac:chgData name="Ilham Timimi" userId="fb573b2d-6039-489c-a6a3-4841286e457d" providerId="ADAL" clId="{58A8E8C6-1790-4C9C-9548-2567BEBDA90B}" dt="2024-09-10T07:02:30.267" v="18648" actId="478"/>
          <ac:picMkLst>
            <pc:docMk/>
            <pc:sldMk cId="3390788502" sldId="340"/>
            <ac:picMk id="11" creationId="{2D7EB61C-0C09-850B-7F2A-D276C063249F}"/>
          </ac:picMkLst>
        </pc:picChg>
        <pc:picChg chg="add del mod">
          <ac:chgData name="Ilham Timimi" userId="fb573b2d-6039-489c-a6a3-4841286e457d" providerId="ADAL" clId="{58A8E8C6-1790-4C9C-9548-2567BEBDA90B}" dt="2024-09-10T07:04:41.785" v="18651"/>
          <ac:picMkLst>
            <pc:docMk/>
            <pc:sldMk cId="3390788502" sldId="340"/>
            <ac:picMk id="16" creationId="{AA76EC4D-D7F5-BC9E-6C82-F264C28D956D}"/>
          </ac:picMkLst>
        </pc:picChg>
        <pc:picChg chg="add del mod">
          <ac:chgData name="Ilham Timimi" userId="fb573b2d-6039-489c-a6a3-4841286e457d" providerId="ADAL" clId="{58A8E8C6-1790-4C9C-9548-2567BEBDA90B}" dt="2024-09-10T07:04:45.035" v="18652" actId="478"/>
          <ac:picMkLst>
            <pc:docMk/>
            <pc:sldMk cId="3390788502" sldId="340"/>
            <ac:picMk id="17" creationId="{C0592A5D-B8BA-1631-1CC3-B058575C8E20}"/>
          </ac:picMkLst>
        </pc:picChg>
        <pc:picChg chg="add del mod">
          <ac:chgData name="Ilham Timimi" userId="fb573b2d-6039-489c-a6a3-4841286e457d" providerId="ADAL" clId="{58A8E8C6-1790-4C9C-9548-2567BEBDA90B}" dt="2024-09-10T07:09:50.031" v="18663"/>
          <ac:picMkLst>
            <pc:docMk/>
            <pc:sldMk cId="3390788502" sldId="340"/>
            <ac:picMk id="23" creationId="{2D27885A-CD40-24C4-6B7F-FCFD56F7FCE3}"/>
          </ac:picMkLst>
        </pc:picChg>
        <pc:picChg chg="add mod">
          <ac:chgData name="Ilham Timimi" userId="fb573b2d-6039-489c-a6a3-4841286e457d" providerId="ADAL" clId="{58A8E8C6-1790-4C9C-9548-2567BEBDA90B}" dt="2024-09-10T08:26:39.399" v="19394"/>
          <ac:picMkLst>
            <pc:docMk/>
            <pc:sldMk cId="3390788502" sldId="340"/>
            <ac:picMk id="24" creationId="{A72E9487-A234-6A2F-D209-DD71564A1212}"/>
          </ac:picMkLst>
        </pc:picChg>
      </pc:sldChg>
      <pc:sldChg chg="addSp delSp modSp new del mod modTransition delAnim modShow modNotesTx">
        <pc:chgData name="Ilham Timimi" userId="fb573b2d-6039-489c-a6a3-4841286e457d" providerId="ADAL" clId="{58A8E8C6-1790-4C9C-9548-2567BEBDA90B}" dt="2024-09-10T12:53:45.503" v="20974" actId="47"/>
        <pc:sldMkLst>
          <pc:docMk/>
          <pc:sldMk cId="3309177847" sldId="341"/>
        </pc:sldMkLst>
        <pc:spChg chg="mod">
          <ac:chgData name="Ilham Timimi" userId="fb573b2d-6039-489c-a6a3-4841286e457d" providerId="ADAL" clId="{58A8E8C6-1790-4C9C-9548-2567BEBDA90B}" dt="2024-08-30T07:08:54.676" v="11785" actId="20577"/>
          <ac:spMkLst>
            <pc:docMk/>
            <pc:sldMk cId="3309177847" sldId="341"/>
            <ac:spMk id="2" creationId="{7AF6DBFA-7CA7-D360-B20C-7E3998403EE7}"/>
          </ac:spMkLst>
        </pc:spChg>
        <pc:spChg chg="mod">
          <ac:chgData name="Ilham Timimi" userId="fb573b2d-6039-489c-a6a3-4841286e457d" providerId="ADAL" clId="{58A8E8C6-1790-4C9C-9548-2567BEBDA90B}" dt="2024-08-21T11:39:19.264" v="8759" actId="20577"/>
          <ac:spMkLst>
            <pc:docMk/>
            <pc:sldMk cId="3309177847" sldId="341"/>
            <ac:spMk id="3" creationId="{E58C49C7-F447-BCCD-A8D2-98A0C2611279}"/>
          </ac:spMkLst>
        </pc:spChg>
        <pc:spChg chg="mod">
          <ac:chgData name="Ilham Timimi" userId="fb573b2d-6039-489c-a6a3-4841286e457d" providerId="ADAL" clId="{58A8E8C6-1790-4C9C-9548-2567BEBDA90B}" dt="2024-09-09T08:34:30.456" v="17079" actId="5793"/>
          <ac:spMkLst>
            <pc:docMk/>
            <pc:sldMk cId="3309177847" sldId="341"/>
            <ac:spMk id="4" creationId="{1A636267-957D-E4A8-1E58-CD98BEE24BC4}"/>
          </ac:spMkLst>
        </pc:spChg>
        <pc:picChg chg="add del mod">
          <ac:chgData name="Ilham Timimi" userId="fb573b2d-6039-489c-a6a3-4841286e457d" providerId="ADAL" clId="{58A8E8C6-1790-4C9C-9548-2567BEBDA90B}" dt="2024-09-10T07:12:45.567" v="18665" actId="478"/>
          <ac:picMkLst>
            <pc:docMk/>
            <pc:sldMk cId="3309177847" sldId="341"/>
            <ac:picMk id="11" creationId="{CB63FC10-E451-10EB-2736-B5400F201391}"/>
          </ac:picMkLst>
        </pc:picChg>
        <pc:picChg chg="add del mod">
          <ac:chgData name="Ilham Timimi" userId="fb573b2d-6039-489c-a6a3-4841286e457d" providerId="ADAL" clId="{58A8E8C6-1790-4C9C-9548-2567BEBDA90B}" dt="2024-09-10T07:15:36.555" v="18668"/>
          <ac:picMkLst>
            <pc:docMk/>
            <pc:sldMk cId="3309177847" sldId="341"/>
            <ac:picMk id="16" creationId="{8EFECC0C-C8BA-5990-9343-6F190F210400}"/>
          </ac:picMkLst>
        </pc:picChg>
        <pc:picChg chg="add del mod">
          <ac:chgData name="Ilham Timimi" userId="fb573b2d-6039-489c-a6a3-4841286e457d" providerId="ADAL" clId="{58A8E8C6-1790-4C9C-9548-2567BEBDA90B}" dt="2024-09-10T07:15:48.803" v="18669" actId="478"/>
          <ac:picMkLst>
            <pc:docMk/>
            <pc:sldMk cId="3309177847" sldId="341"/>
            <ac:picMk id="17" creationId="{31C8D68B-353B-BBBB-50FA-3AC7A1C24423}"/>
          </ac:picMkLst>
        </pc:picChg>
        <pc:picChg chg="add del mod">
          <ac:chgData name="Ilham Timimi" userId="fb573b2d-6039-489c-a6a3-4841286e457d" providerId="ADAL" clId="{58A8E8C6-1790-4C9C-9548-2567BEBDA90B}" dt="2024-09-10T07:18:26.321" v="18672"/>
          <ac:picMkLst>
            <pc:docMk/>
            <pc:sldMk cId="3309177847" sldId="341"/>
            <ac:picMk id="21" creationId="{CA89959F-DAC8-BF25-0D4D-FA332DC461A0}"/>
          </ac:picMkLst>
        </pc:picChg>
        <pc:picChg chg="add mod">
          <ac:chgData name="Ilham Timimi" userId="fb573b2d-6039-489c-a6a3-4841286e457d" providerId="ADAL" clId="{58A8E8C6-1790-4C9C-9548-2567BEBDA90B}" dt="2024-09-10T08:26:39.412" v="19396"/>
          <ac:picMkLst>
            <pc:docMk/>
            <pc:sldMk cId="3309177847" sldId="341"/>
            <ac:picMk id="22" creationId="{120BF99A-A0D4-5D6A-18D1-2C8C19B4167F}"/>
          </ac:picMkLst>
        </pc:picChg>
      </pc:sldChg>
      <pc:sldChg chg="addSp modSp new mod ord modTransition modNotesTx">
        <pc:chgData name="Ilham Timimi" userId="fb573b2d-6039-489c-a6a3-4841286e457d" providerId="ADAL" clId="{58A8E8C6-1790-4C9C-9548-2567BEBDA90B}" dt="2024-09-19T12:26:52.231" v="21245" actId="20577"/>
        <pc:sldMkLst>
          <pc:docMk/>
          <pc:sldMk cId="2319281391" sldId="342"/>
        </pc:sldMkLst>
        <pc:spChg chg="mod">
          <ac:chgData name="Ilham Timimi" userId="fb573b2d-6039-489c-a6a3-4841286e457d" providerId="ADAL" clId="{58A8E8C6-1790-4C9C-9548-2567BEBDA90B}" dt="2024-08-30T07:09:21.676" v="11793" actId="20577"/>
          <ac:spMkLst>
            <pc:docMk/>
            <pc:sldMk cId="2319281391" sldId="342"/>
            <ac:spMk id="2" creationId="{469B3D10-366F-B07C-7AF6-9CAE8D0FA34E}"/>
          </ac:spMkLst>
        </pc:spChg>
        <pc:spChg chg="mod">
          <ac:chgData name="Ilham Timimi" userId="fb573b2d-6039-489c-a6a3-4841286e457d" providerId="ADAL" clId="{58A8E8C6-1790-4C9C-9548-2567BEBDA90B}" dt="2024-09-19T12:26:52.231" v="21245" actId="20577"/>
          <ac:spMkLst>
            <pc:docMk/>
            <pc:sldMk cId="2319281391" sldId="342"/>
            <ac:spMk id="3" creationId="{2616706F-51E2-7F88-306E-FED7CC3351E6}"/>
          </ac:spMkLst>
        </pc:spChg>
        <pc:spChg chg="mod">
          <ac:chgData name="Ilham Timimi" userId="fb573b2d-6039-489c-a6a3-4841286e457d" providerId="ADAL" clId="{58A8E8C6-1790-4C9C-9548-2567BEBDA90B}" dt="2024-09-10T12:22:52.579" v="20401" actId="20577"/>
          <ac:spMkLst>
            <pc:docMk/>
            <pc:sldMk cId="2319281391" sldId="342"/>
            <ac:spMk id="4" creationId="{E81E4AF4-3412-5B34-1529-1B35E541BABC}"/>
          </ac:spMkLst>
        </pc:spChg>
        <pc:picChg chg="add mod">
          <ac:chgData name="Ilham Timimi" userId="fb573b2d-6039-489c-a6a3-4841286e457d" providerId="ADAL" clId="{58A8E8C6-1790-4C9C-9548-2567BEBDA90B}" dt="2024-09-13T10:56:01.187" v="21076"/>
          <ac:picMkLst>
            <pc:docMk/>
            <pc:sldMk cId="2319281391" sldId="342"/>
            <ac:picMk id="8" creationId="{77D99897-AAF1-8642-375C-7D01273CCD26}"/>
          </ac:picMkLst>
        </pc:picChg>
      </pc:sldChg>
      <pc:sldChg chg="modSp new del mod ord modTransition modShow modNotesTx">
        <pc:chgData name="Ilham Timimi" userId="fb573b2d-6039-489c-a6a3-4841286e457d" providerId="ADAL" clId="{58A8E8C6-1790-4C9C-9548-2567BEBDA90B}" dt="2024-09-10T12:53:45.503" v="20974" actId="47"/>
        <pc:sldMkLst>
          <pc:docMk/>
          <pc:sldMk cId="4095046669" sldId="343"/>
        </pc:sldMkLst>
        <pc:spChg chg="mod">
          <ac:chgData name="Ilham Timimi" userId="fb573b2d-6039-489c-a6a3-4841286e457d" providerId="ADAL" clId="{58A8E8C6-1790-4C9C-9548-2567BEBDA90B}" dt="2024-08-21T11:43:59.375" v="8776" actId="20577"/>
          <ac:spMkLst>
            <pc:docMk/>
            <pc:sldMk cId="4095046669" sldId="343"/>
            <ac:spMk id="3" creationId="{94F68344-C018-6E20-E1E4-73C26BA30C63}"/>
          </ac:spMkLst>
        </pc:spChg>
        <pc:spChg chg="mod">
          <ac:chgData name="Ilham Timimi" userId="fb573b2d-6039-489c-a6a3-4841286e457d" providerId="ADAL" clId="{58A8E8C6-1790-4C9C-9548-2567BEBDA90B}" dt="2024-09-10T12:22:55.743" v="20402" actId="20577"/>
          <ac:spMkLst>
            <pc:docMk/>
            <pc:sldMk cId="4095046669" sldId="343"/>
            <ac:spMk id="4" creationId="{A62F0FEA-DC21-D840-80E8-EFCDBE5C61BD}"/>
          </ac:spMkLst>
        </pc:spChg>
      </pc:sldChg>
      <pc:sldChg chg="addSp modSp new mod ord modTransition modNotesTx">
        <pc:chgData name="Ilham Timimi" userId="fb573b2d-6039-489c-a6a3-4841286e457d" providerId="ADAL" clId="{58A8E8C6-1790-4C9C-9548-2567BEBDA90B}" dt="2024-09-19T12:27:51.244" v="21253" actId="20577"/>
        <pc:sldMkLst>
          <pc:docMk/>
          <pc:sldMk cId="813125904" sldId="344"/>
        </pc:sldMkLst>
        <pc:spChg chg="mod">
          <ac:chgData name="Ilham Timimi" userId="fb573b2d-6039-489c-a6a3-4841286e457d" providerId="ADAL" clId="{58A8E8C6-1790-4C9C-9548-2567BEBDA90B}" dt="2024-08-30T07:09:14.965" v="11791" actId="20577"/>
          <ac:spMkLst>
            <pc:docMk/>
            <pc:sldMk cId="813125904" sldId="344"/>
            <ac:spMk id="2" creationId="{12843034-36B9-9DF3-350B-EC699863BA4A}"/>
          </ac:spMkLst>
        </pc:spChg>
        <pc:spChg chg="mod">
          <ac:chgData name="Ilham Timimi" userId="fb573b2d-6039-489c-a6a3-4841286e457d" providerId="ADAL" clId="{58A8E8C6-1790-4C9C-9548-2567BEBDA90B}" dt="2024-09-19T12:27:51.244" v="21253" actId="20577"/>
          <ac:spMkLst>
            <pc:docMk/>
            <pc:sldMk cId="813125904" sldId="344"/>
            <ac:spMk id="3" creationId="{3164E3E5-F59F-F33A-1DF0-DFDA3EC162BC}"/>
          </ac:spMkLst>
        </pc:spChg>
        <pc:spChg chg="mod">
          <ac:chgData name="Ilham Timimi" userId="fb573b2d-6039-489c-a6a3-4841286e457d" providerId="ADAL" clId="{58A8E8C6-1790-4C9C-9548-2567BEBDA90B}" dt="2024-09-10T12:22:58.989" v="20403" actId="20577"/>
          <ac:spMkLst>
            <pc:docMk/>
            <pc:sldMk cId="813125904" sldId="344"/>
            <ac:spMk id="4" creationId="{96A6ED27-CBA1-443E-A97A-103E0B3581AC}"/>
          </ac:spMkLst>
        </pc:spChg>
        <pc:picChg chg="add mod">
          <ac:chgData name="Ilham Timimi" userId="fb573b2d-6039-489c-a6a3-4841286e457d" providerId="ADAL" clId="{58A8E8C6-1790-4C9C-9548-2567BEBDA90B}" dt="2024-09-13T10:56:01.187" v="21076"/>
          <ac:picMkLst>
            <pc:docMk/>
            <pc:sldMk cId="813125904" sldId="344"/>
            <ac:picMk id="8" creationId="{FBE23503-7661-B21F-ABAE-19E2A24C9741}"/>
          </ac:picMkLst>
        </pc:picChg>
      </pc:sldChg>
      <pc:sldChg chg="addSp delSp modSp new mod ord modTransition modAnim modNotesTx">
        <pc:chgData name="Ilham Timimi" userId="fb573b2d-6039-489c-a6a3-4841286e457d" providerId="ADAL" clId="{58A8E8C6-1790-4C9C-9548-2567BEBDA90B}" dt="2024-09-19T12:26:36.893" v="21237" actId="20577"/>
        <pc:sldMkLst>
          <pc:docMk/>
          <pc:sldMk cId="1311663214" sldId="345"/>
        </pc:sldMkLst>
        <pc:spChg chg="mod">
          <ac:chgData name="Ilham Timimi" userId="fb573b2d-6039-489c-a6a3-4841286e457d" providerId="ADAL" clId="{58A8E8C6-1790-4C9C-9548-2567BEBDA90B}" dt="2024-08-30T07:09:01.734" v="11787" actId="20577"/>
          <ac:spMkLst>
            <pc:docMk/>
            <pc:sldMk cId="1311663214" sldId="345"/>
            <ac:spMk id="2" creationId="{FB2D0653-9D0E-8E97-6421-669027C503B7}"/>
          </ac:spMkLst>
        </pc:spChg>
        <pc:spChg chg="mod">
          <ac:chgData name="Ilham Timimi" userId="fb573b2d-6039-489c-a6a3-4841286e457d" providerId="ADAL" clId="{58A8E8C6-1790-4C9C-9548-2567BEBDA90B}" dt="2024-09-10T12:56:02.097" v="20981" actId="20577"/>
          <ac:spMkLst>
            <pc:docMk/>
            <pc:sldMk cId="1311663214" sldId="345"/>
            <ac:spMk id="3" creationId="{39CC0685-A0F5-C72A-440A-4D9BE897A8C5}"/>
          </ac:spMkLst>
        </pc:spChg>
        <pc:spChg chg="mod">
          <ac:chgData name="Ilham Timimi" userId="fb573b2d-6039-489c-a6a3-4841286e457d" providerId="ADAL" clId="{58A8E8C6-1790-4C9C-9548-2567BEBDA90B}" dt="2024-09-10T12:21:20.064" v="20395" actId="12"/>
          <ac:spMkLst>
            <pc:docMk/>
            <pc:sldMk cId="1311663214" sldId="345"/>
            <ac:spMk id="4" creationId="{FDDAE814-E3C5-0A89-8A3D-59194C50DAAD}"/>
          </ac:spMkLst>
        </pc:spChg>
        <pc:picChg chg="add del mod ord">
          <ac:chgData name="Ilham Timimi" userId="fb573b2d-6039-489c-a6a3-4841286e457d" providerId="ADAL" clId="{58A8E8C6-1790-4C9C-9548-2567BEBDA90B}" dt="2024-09-13T10:56:01.187" v="21076"/>
          <ac:picMkLst>
            <pc:docMk/>
            <pc:sldMk cId="1311663214" sldId="345"/>
            <ac:picMk id="6" creationId="{366E0AC8-7D15-4DD3-0F41-9F86A9459614}"/>
          </ac:picMkLst>
        </pc:picChg>
        <pc:picChg chg="add mod">
          <ac:chgData name="Ilham Timimi" userId="fb573b2d-6039-489c-a6a3-4841286e457d" providerId="ADAL" clId="{58A8E8C6-1790-4C9C-9548-2567BEBDA90B}" dt="2024-09-13T10:56:01.187" v="21076"/>
          <ac:picMkLst>
            <pc:docMk/>
            <pc:sldMk cId="1311663214" sldId="345"/>
            <ac:picMk id="7" creationId="{C438AE2C-71F4-1369-808E-7C94511CF3E6}"/>
          </ac:picMkLst>
        </pc:picChg>
        <pc:picChg chg="add del mod">
          <ac:chgData name="Ilham Timimi" userId="fb573b2d-6039-489c-a6a3-4841286e457d" providerId="ADAL" clId="{58A8E8C6-1790-4C9C-9548-2567BEBDA90B}" dt="2024-09-13T07:28:08.078" v="21002"/>
          <ac:picMkLst>
            <pc:docMk/>
            <pc:sldMk cId="1311663214" sldId="345"/>
            <ac:picMk id="10" creationId="{103B201A-2877-AE03-F453-1155E54902D1}"/>
          </ac:picMkLst>
        </pc:picChg>
      </pc:sldChg>
      <pc:sldChg chg="modSp new del mod ord modTransition modShow modNotesTx">
        <pc:chgData name="Ilham Timimi" userId="fb573b2d-6039-489c-a6a3-4841286e457d" providerId="ADAL" clId="{58A8E8C6-1790-4C9C-9548-2567BEBDA90B}" dt="2024-09-10T12:53:45.503" v="20974" actId="47"/>
        <pc:sldMkLst>
          <pc:docMk/>
          <pc:sldMk cId="531679524" sldId="346"/>
        </pc:sldMkLst>
        <pc:spChg chg="mod">
          <ac:chgData name="Ilham Timimi" userId="fb573b2d-6039-489c-a6a3-4841286e457d" providerId="ADAL" clId="{58A8E8C6-1790-4C9C-9548-2567BEBDA90B}" dt="2024-08-30T07:09:09.019" v="11789" actId="20577"/>
          <ac:spMkLst>
            <pc:docMk/>
            <pc:sldMk cId="531679524" sldId="346"/>
            <ac:spMk id="2" creationId="{A32DD0AE-80D0-E898-26FB-8DA30BD21788}"/>
          </ac:spMkLst>
        </pc:spChg>
        <pc:spChg chg="mod">
          <ac:chgData name="Ilham Timimi" userId="fb573b2d-6039-489c-a6a3-4841286e457d" providerId="ADAL" clId="{58A8E8C6-1790-4C9C-9548-2567BEBDA90B}" dt="2024-08-26T11:35:43.486" v="10214"/>
          <ac:spMkLst>
            <pc:docMk/>
            <pc:sldMk cId="531679524" sldId="346"/>
            <ac:spMk id="3" creationId="{854B40D5-D26B-2DEF-A869-DFBB462E199B}"/>
          </ac:spMkLst>
        </pc:spChg>
        <pc:spChg chg="mod">
          <ac:chgData name="Ilham Timimi" userId="fb573b2d-6039-489c-a6a3-4841286e457d" providerId="ADAL" clId="{58A8E8C6-1790-4C9C-9548-2567BEBDA90B}" dt="2024-08-30T08:04:00.171" v="12108" actId="20577"/>
          <ac:spMkLst>
            <pc:docMk/>
            <pc:sldMk cId="531679524" sldId="346"/>
            <ac:spMk id="4" creationId="{BAAA84B0-177C-6C3B-036A-AE36CD62ECF7}"/>
          </ac:spMkLst>
        </pc:spChg>
      </pc:sldChg>
      <pc:sldChg chg="new del">
        <pc:chgData name="Ilham Timimi" userId="fb573b2d-6039-489c-a6a3-4841286e457d" providerId="ADAL" clId="{58A8E8C6-1790-4C9C-9548-2567BEBDA90B}" dt="2024-08-29T12:01:20.401" v="11077" actId="2696"/>
        <pc:sldMkLst>
          <pc:docMk/>
          <pc:sldMk cId="2203855059" sldId="347"/>
        </pc:sldMkLst>
      </pc:sldChg>
      <pc:sldChg chg="new del">
        <pc:chgData name="Ilham Timimi" userId="fb573b2d-6039-489c-a6a3-4841286e457d" providerId="ADAL" clId="{58A8E8C6-1790-4C9C-9548-2567BEBDA90B}" dt="2024-08-29T12:02:11.136" v="11082" actId="2696"/>
        <pc:sldMkLst>
          <pc:docMk/>
          <pc:sldMk cId="1299452525" sldId="348"/>
        </pc:sldMkLst>
      </pc:sldChg>
      <pc:sldChg chg="addSp delSp modSp add del mod">
        <pc:chgData name="Ilham Timimi" userId="fb573b2d-6039-489c-a6a3-4841286e457d" providerId="ADAL" clId="{58A8E8C6-1790-4C9C-9548-2567BEBDA90B}" dt="2024-08-29T12:04:22.718" v="11188" actId="2696"/>
        <pc:sldMkLst>
          <pc:docMk/>
          <pc:sldMk cId="1825640409" sldId="349"/>
        </pc:sldMkLst>
        <pc:spChg chg="add mod">
          <ac:chgData name="Ilham Timimi" userId="fb573b2d-6039-489c-a6a3-4841286e457d" providerId="ADAL" clId="{58A8E8C6-1790-4C9C-9548-2567BEBDA90B}" dt="2024-08-29T12:04:12.835" v="11185" actId="21"/>
          <ac:spMkLst>
            <pc:docMk/>
            <pc:sldMk cId="1825640409" sldId="349"/>
            <ac:spMk id="2" creationId="{F852F0EF-4072-895A-96F1-3C2133334BD1}"/>
          </ac:spMkLst>
        </pc:spChg>
        <pc:spChg chg="mod">
          <ac:chgData name="Ilham Timimi" userId="fb573b2d-6039-489c-a6a3-4841286e457d" providerId="ADAL" clId="{58A8E8C6-1790-4C9C-9548-2567BEBDA90B}" dt="2024-08-29T12:02:53.792" v="11182" actId="20577"/>
          <ac:spMkLst>
            <pc:docMk/>
            <pc:sldMk cId="1825640409" sldId="349"/>
            <ac:spMk id="17" creationId="{E278A9BE-630E-C5C4-860F-F16EB3729BD4}"/>
          </ac:spMkLst>
        </pc:spChg>
        <pc:spChg chg="del mod">
          <ac:chgData name="Ilham Timimi" userId="fb573b2d-6039-489c-a6a3-4841286e457d" providerId="ADAL" clId="{58A8E8C6-1790-4C9C-9548-2567BEBDA90B}" dt="2024-08-29T12:01:56.501" v="11081" actId="478"/>
          <ac:spMkLst>
            <pc:docMk/>
            <pc:sldMk cId="1825640409" sldId="349"/>
            <ac:spMk id="18" creationId="{385692D7-4A82-974D-E7FC-79FA56BB5D3C}"/>
          </ac:spMkLst>
        </pc:spChg>
        <pc:picChg chg="del mod">
          <ac:chgData name="Ilham Timimi" userId="fb573b2d-6039-489c-a6a3-4841286e457d" providerId="ADAL" clId="{58A8E8C6-1790-4C9C-9548-2567BEBDA90B}" dt="2024-08-29T12:04:12.835" v="11185" actId="21"/>
          <ac:picMkLst>
            <pc:docMk/>
            <pc:sldMk cId="1825640409" sldId="349"/>
            <ac:picMk id="6" creationId="{4F1DDCB7-9A75-AC57-969A-3782589EF415}"/>
          </ac:picMkLst>
        </pc:picChg>
      </pc:sldChg>
      <pc:sldChg chg="addSp delSp modSp add mod modTransition modClrScheme delAnim modAnim chgLayout">
        <pc:chgData name="Ilham Timimi" userId="fb573b2d-6039-489c-a6a3-4841286e457d" providerId="ADAL" clId="{58A8E8C6-1790-4C9C-9548-2567BEBDA90B}" dt="2024-09-13T10:56:01.187" v="21076"/>
        <pc:sldMkLst>
          <pc:docMk/>
          <pc:sldMk cId="3996027652" sldId="350"/>
        </pc:sldMkLst>
        <pc:spChg chg="mod ord">
          <ac:chgData name="Ilham Timimi" userId="fb573b2d-6039-489c-a6a3-4841286e457d" providerId="ADAL" clId="{58A8E8C6-1790-4C9C-9548-2567BEBDA90B}" dt="2024-08-29T12:04:50.771" v="11199" actId="26606"/>
          <ac:spMkLst>
            <pc:docMk/>
            <pc:sldMk cId="3996027652" sldId="350"/>
            <ac:spMk id="6" creationId="{5793EB0B-45FF-E008-E3F9-4F8F7A79CF74}"/>
          </ac:spMkLst>
        </pc:spChg>
        <pc:spChg chg="mod ord">
          <ac:chgData name="Ilham Timimi" userId="fb573b2d-6039-489c-a6a3-4841286e457d" providerId="ADAL" clId="{58A8E8C6-1790-4C9C-9548-2567BEBDA90B}" dt="2024-08-29T12:29:46.450" v="11246" actId="20577"/>
          <ac:spMkLst>
            <pc:docMk/>
            <pc:sldMk cId="3996027652" sldId="350"/>
            <ac:spMk id="20" creationId="{2186E0BB-DD5E-3D60-EDB7-2AD3F1690464}"/>
          </ac:spMkLst>
        </pc:spChg>
        <pc:spChg chg="mod">
          <ac:chgData name="Ilham Timimi" userId="fb573b2d-6039-489c-a6a3-4841286e457d" providerId="ADAL" clId="{58A8E8C6-1790-4C9C-9548-2567BEBDA90B}" dt="2024-08-29T12:05:07.847" v="11215" actId="20577"/>
          <ac:spMkLst>
            <pc:docMk/>
            <pc:sldMk cId="3996027652" sldId="350"/>
            <ac:spMk id="22" creationId="{4E440AAA-0BDC-C479-C005-D8ADDAC6E224}"/>
          </ac:spMkLst>
        </pc:spChg>
        <pc:spChg chg="add del mod">
          <ac:chgData name="Ilham Timimi" userId="fb573b2d-6039-489c-a6a3-4841286e457d" providerId="ADAL" clId="{58A8E8C6-1790-4C9C-9548-2567BEBDA90B}" dt="2024-08-29T12:04:48.359" v="11196" actId="26606"/>
          <ac:spMkLst>
            <pc:docMk/>
            <pc:sldMk cId="3996027652" sldId="350"/>
            <ac:spMk id="27" creationId="{555BA026-DEAF-6865-3ECC-ECD6853B260E}"/>
          </ac:spMkLst>
        </pc:spChg>
        <pc:picChg chg="add mod ord">
          <ac:chgData name="Ilham Timimi" userId="fb573b2d-6039-489c-a6a3-4841286e457d" providerId="ADAL" clId="{58A8E8C6-1790-4C9C-9548-2567BEBDA90B}" dt="2024-09-10T08:26:38.995" v="19351"/>
          <ac:picMkLst>
            <pc:docMk/>
            <pc:sldMk cId="3996027652" sldId="350"/>
            <ac:picMk id="2" creationId="{4F1DDCB7-9A75-AC57-969A-3782589EF415}"/>
          </ac:picMkLst>
        </pc:picChg>
        <pc:picChg chg="add del mod">
          <ac:chgData name="Ilham Timimi" userId="fb573b2d-6039-489c-a6a3-4841286e457d" providerId="ADAL" clId="{58A8E8C6-1790-4C9C-9548-2567BEBDA90B}" dt="2024-09-05T11:09:50.040" v="13623" actId="478"/>
          <ac:picMkLst>
            <pc:docMk/>
            <pc:sldMk cId="3996027652" sldId="350"/>
            <ac:picMk id="3" creationId="{A4C2D85B-E171-0222-18E5-AAD9BE737D7D}"/>
          </ac:picMkLst>
        </pc:picChg>
        <pc:picChg chg="add del mod ord">
          <ac:chgData name="Ilham Timimi" userId="fb573b2d-6039-489c-a6a3-4841286e457d" providerId="ADAL" clId="{58A8E8C6-1790-4C9C-9548-2567BEBDA90B}" dt="2024-09-08T14:31:53.425" v="13780"/>
          <ac:picMkLst>
            <pc:docMk/>
            <pc:sldMk cId="3996027652" sldId="350"/>
            <ac:picMk id="3" creationId="{AB499CEC-1054-BA37-CAE4-D0E7674DDBFF}"/>
          </ac:picMkLst>
        </pc:picChg>
        <pc:picChg chg="add del mod ord">
          <ac:chgData name="Ilham Timimi" userId="fb573b2d-6039-489c-a6a3-4841286e457d" providerId="ADAL" clId="{58A8E8C6-1790-4C9C-9548-2567BEBDA90B}" dt="2024-09-13T07:43:38.898" v="21003"/>
          <ac:picMkLst>
            <pc:docMk/>
            <pc:sldMk cId="3996027652" sldId="350"/>
            <ac:picMk id="3" creationId="{D7FF01BD-49E9-B484-A037-04375A62F2D5}"/>
          </ac:picMkLst>
        </pc:picChg>
        <pc:picChg chg="add del mod ord">
          <ac:chgData name="Ilham Timimi" userId="fb573b2d-6039-489c-a6a3-4841286e457d" providerId="ADAL" clId="{58A8E8C6-1790-4C9C-9548-2567BEBDA90B}" dt="2024-09-09T09:31:45.317" v="17474"/>
          <ac:picMkLst>
            <pc:docMk/>
            <pc:sldMk cId="3996027652" sldId="350"/>
            <ac:picMk id="3" creationId="{F9B617EF-25D8-810D-BD39-6F49CB555686}"/>
          </ac:picMkLst>
        </pc:picChg>
        <pc:picChg chg="add del mod">
          <ac:chgData name="Ilham Timimi" userId="fb573b2d-6039-489c-a6a3-4841286e457d" providerId="ADAL" clId="{58A8E8C6-1790-4C9C-9548-2567BEBDA90B}" dt="2024-09-05T10:45:39.211" v="13592" actId="478"/>
          <ac:picMkLst>
            <pc:docMk/>
            <pc:sldMk cId="3996027652" sldId="350"/>
            <ac:picMk id="4" creationId="{7497C22C-1622-EBEA-F6D3-03CB5F63C91B}"/>
          </ac:picMkLst>
        </pc:picChg>
        <pc:picChg chg="add del mod">
          <ac:chgData name="Ilham Timimi" userId="fb573b2d-6039-489c-a6a3-4841286e457d" providerId="ADAL" clId="{58A8E8C6-1790-4C9C-9548-2567BEBDA90B}" dt="2024-09-09T09:03:46.640" v="17473"/>
          <ac:picMkLst>
            <pc:docMk/>
            <pc:sldMk cId="3996027652" sldId="350"/>
            <ac:picMk id="4" creationId="{B2DB0B76-5CD8-A090-C05C-614FA7E3576D}"/>
          </ac:picMkLst>
        </pc:picChg>
        <pc:picChg chg="add del mod">
          <ac:chgData name="Ilham Timimi" userId="fb573b2d-6039-489c-a6a3-4841286e457d" providerId="ADAL" clId="{58A8E8C6-1790-4C9C-9548-2567BEBDA90B}" dt="2024-09-13T08:08:09.350" v="21018"/>
          <ac:picMkLst>
            <pc:docMk/>
            <pc:sldMk cId="3996027652" sldId="350"/>
            <ac:picMk id="4" creationId="{B90B4339-DDB1-1164-BF71-E4403FA52A27}"/>
          </ac:picMkLst>
        </pc:picChg>
        <pc:picChg chg="add del mod">
          <ac:chgData name="Ilham Timimi" userId="fb573b2d-6039-489c-a6a3-4841286e457d" providerId="ADAL" clId="{58A8E8C6-1790-4C9C-9548-2567BEBDA90B}" dt="2024-09-13T07:28:08.078" v="21002"/>
          <ac:picMkLst>
            <pc:docMk/>
            <pc:sldMk cId="3996027652" sldId="350"/>
            <ac:picMk id="5" creationId="{2BD2C43E-EA9B-9C48-02CF-55DCD9F0A668}"/>
          </ac:picMkLst>
        </pc:picChg>
        <pc:picChg chg="add del mod ord">
          <ac:chgData name="Ilham Timimi" userId="fb573b2d-6039-489c-a6a3-4841286e457d" providerId="ADAL" clId="{58A8E8C6-1790-4C9C-9548-2567BEBDA90B}" dt="2024-09-13T08:09:11.644" v="21019"/>
          <ac:picMkLst>
            <pc:docMk/>
            <pc:sldMk cId="3996027652" sldId="350"/>
            <ac:picMk id="7" creationId="{F61F7F69-A4E7-F6AC-6054-022601627B86}"/>
          </ac:picMkLst>
        </pc:picChg>
        <pc:picChg chg="add del mod">
          <ac:chgData name="Ilham Timimi" userId="fb573b2d-6039-489c-a6a3-4841286e457d" providerId="ADAL" clId="{58A8E8C6-1790-4C9C-9548-2567BEBDA90B}" dt="2024-09-08T13:26:09.046" v="13767"/>
          <ac:picMkLst>
            <pc:docMk/>
            <pc:sldMk cId="3996027652" sldId="350"/>
            <ac:picMk id="8" creationId="{216FDB53-82E0-87D2-2DA0-20F5BE6992F5}"/>
          </ac:picMkLst>
        </pc:picChg>
        <pc:picChg chg="add del mod">
          <ac:chgData name="Ilham Timimi" userId="fb573b2d-6039-489c-a6a3-4841286e457d" providerId="ADAL" clId="{58A8E8C6-1790-4C9C-9548-2567BEBDA90B}" dt="2024-09-13T10:00:33.644" v="21075"/>
          <ac:picMkLst>
            <pc:docMk/>
            <pc:sldMk cId="3996027652" sldId="350"/>
            <ac:picMk id="8" creationId="{B04CE9F0-4F0B-D922-2E53-A88D36F19C26}"/>
          </ac:picMkLst>
        </pc:picChg>
        <pc:picChg chg="add del mod ord">
          <ac:chgData name="Ilham Timimi" userId="fb573b2d-6039-489c-a6a3-4841286e457d" providerId="ADAL" clId="{58A8E8C6-1790-4C9C-9548-2567BEBDA90B}" dt="2024-09-13T10:56:01.187" v="21076"/>
          <ac:picMkLst>
            <pc:docMk/>
            <pc:sldMk cId="3996027652" sldId="350"/>
            <ac:picMk id="9" creationId="{B1B80EC7-2F9E-7FFB-B064-F146D5968435}"/>
          </ac:picMkLst>
        </pc:picChg>
        <pc:picChg chg="add mod">
          <ac:chgData name="Ilham Timimi" userId="fb573b2d-6039-489c-a6a3-4841286e457d" providerId="ADAL" clId="{58A8E8C6-1790-4C9C-9548-2567BEBDA90B}" dt="2024-09-13T10:56:01.187" v="21076"/>
          <ac:picMkLst>
            <pc:docMk/>
            <pc:sldMk cId="3996027652" sldId="350"/>
            <ac:picMk id="10" creationId="{FC369B67-D0CC-DA84-FA3B-A0992F653EAB}"/>
          </ac:picMkLst>
        </pc:picChg>
        <pc:picChg chg="del">
          <ac:chgData name="Ilham Timimi" userId="fb573b2d-6039-489c-a6a3-4841286e457d" providerId="ADAL" clId="{58A8E8C6-1790-4C9C-9548-2567BEBDA90B}" dt="2024-08-29T12:04:15.761" v="11186" actId="478"/>
          <ac:picMkLst>
            <pc:docMk/>
            <pc:sldMk cId="3996027652" sldId="350"/>
            <ac:picMk id="24" creationId="{D6176ECB-BC44-CDCE-75D1-31CDC8C2FF14}"/>
          </ac:picMkLst>
        </pc:picChg>
      </pc:sldChg>
      <pc:sldChg chg="addSp delSp modSp add mod modTransition modClrScheme modAnim chgLayout">
        <pc:chgData name="Ilham Timimi" userId="fb573b2d-6039-489c-a6a3-4841286e457d" providerId="ADAL" clId="{58A8E8C6-1790-4C9C-9548-2567BEBDA90B}" dt="2024-09-13T10:56:01.187" v="21076"/>
        <pc:sldMkLst>
          <pc:docMk/>
          <pc:sldMk cId="338664029" sldId="351"/>
        </pc:sldMkLst>
        <pc:spChg chg="mod">
          <ac:chgData name="Ilham Timimi" userId="fb573b2d-6039-489c-a6a3-4841286e457d" providerId="ADAL" clId="{58A8E8C6-1790-4C9C-9548-2567BEBDA90B}" dt="2024-08-29T12:32:23.280" v="11294" actId="26606"/>
          <ac:spMkLst>
            <pc:docMk/>
            <pc:sldMk cId="338664029" sldId="351"/>
            <ac:spMk id="6" creationId="{5793EB0B-45FF-E008-E3F9-4F8F7A79CF74}"/>
          </ac:spMkLst>
        </pc:spChg>
        <pc:spChg chg="mod ord">
          <ac:chgData name="Ilham Timimi" userId="fb573b2d-6039-489c-a6a3-4841286e457d" providerId="ADAL" clId="{58A8E8C6-1790-4C9C-9548-2567BEBDA90B}" dt="2024-08-29T12:32:23.280" v="11294" actId="26606"/>
          <ac:spMkLst>
            <pc:docMk/>
            <pc:sldMk cId="338664029" sldId="351"/>
            <ac:spMk id="20" creationId="{2186E0BB-DD5E-3D60-EDB7-2AD3F1690464}"/>
          </ac:spMkLst>
        </pc:spChg>
        <pc:spChg chg="mod ord">
          <ac:chgData name="Ilham Timimi" userId="fb573b2d-6039-489c-a6a3-4841286e457d" providerId="ADAL" clId="{58A8E8C6-1790-4C9C-9548-2567BEBDA90B}" dt="2024-08-29T12:32:23.280" v="11294" actId="26606"/>
          <ac:spMkLst>
            <pc:docMk/>
            <pc:sldMk cId="338664029" sldId="351"/>
            <ac:spMk id="22" creationId="{4E440AAA-0BDC-C479-C005-D8ADDAC6E224}"/>
          </ac:spMkLst>
        </pc:spChg>
        <pc:picChg chg="add del mod ord">
          <ac:chgData name="Ilham Timimi" userId="fb573b2d-6039-489c-a6a3-4841286e457d" providerId="ADAL" clId="{58A8E8C6-1790-4C9C-9548-2567BEBDA90B}" dt="2024-09-13T08:22:45.464" v="21061"/>
          <ac:picMkLst>
            <pc:docMk/>
            <pc:sldMk cId="338664029" sldId="351"/>
            <ac:picMk id="2" creationId="{DE091A52-EF81-2331-ACDE-32E9FD4945E2}"/>
          </ac:picMkLst>
        </pc:picChg>
        <pc:picChg chg="add del mod">
          <ac:chgData name="Ilham Timimi" userId="fb573b2d-6039-489c-a6a3-4841286e457d" providerId="ADAL" clId="{58A8E8C6-1790-4C9C-9548-2567BEBDA90B}" dt="2024-09-13T10:00:33.644" v="21075"/>
          <ac:picMkLst>
            <pc:docMk/>
            <pc:sldMk cId="338664029" sldId="351"/>
            <ac:picMk id="3" creationId="{38CDC207-D6D6-52D1-8AD1-87539E143AB5}"/>
          </ac:picMkLst>
        </pc:picChg>
        <pc:picChg chg="add del">
          <ac:chgData name="Ilham Timimi" userId="fb573b2d-6039-489c-a6a3-4841286e457d" providerId="ADAL" clId="{58A8E8C6-1790-4C9C-9548-2567BEBDA90B}" dt="2024-08-29T12:31:06.090" v="11286" actId="22"/>
          <ac:picMkLst>
            <pc:docMk/>
            <pc:sldMk cId="338664029" sldId="351"/>
            <ac:picMk id="3" creationId="{EF1F976C-0B82-35FA-A422-FFEC55A310A4}"/>
          </ac:picMkLst>
        </pc:picChg>
        <pc:picChg chg="add del mod">
          <ac:chgData name="Ilham Timimi" userId="fb573b2d-6039-489c-a6a3-4841286e457d" providerId="ADAL" clId="{58A8E8C6-1790-4C9C-9548-2567BEBDA90B}" dt="2024-09-13T07:28:08.078" v="21002"/>
          <ac:picMkLst>
            <pc:docMk/>
            <pc:sldMk cId="338664029" sldId="351"/>
            <ac:picMk id="4" creationId="{0A4AB585-0F57-8ACB-37E7-A93E9F3F88C7}"/>
          </ac:picMkLst>
        </pc:picChg>
        <pc:picChg chg="add del">
          <ac:chgData name="Ilham Timimi" userId="fb573b2d-6039-489c-a6a3-4841286e457d" providerId="ADAL" clId="{58A8E8C6-1790-4C9C-9548-2567BEBDA90B}" dt="2024-08-29T12:31:16.089" v="11288" actId="22"/>
          <ac:picMkLst>
            <pc:docMk/>
            <pc:sldMk cId="338664029" sldId="351"/>
            <ac:picMk id="5" creationId="{7FD9C0CF-0219-261F-4091-2CBA51FDDF6F}"/>
          </ac:picMkLst>
        </pc:picChg>
        <pc:picChg chg="add del mod ord">
          <ac:chgData name="Ilham Timimi" userId="fb573b2d-6039-489c-a6a3-4841286e457d" providerId="ADAL" clId="{58A8E8C6-1790-4C9C-9548-2567BEBDA90B}" dt="2024-09-13T10:56:01.187" v="21076"/>
          <ac:picMkLst>
            <pc:docMk/>
            <pc:sldMk cId="338664029" sldId="351"/>
            <ac:picMk id="8" creationId="{9ABB5BE7-A8ED-FB2A-0C0A-E7366914CD42}"/>
          </ac:picMkLst>
        </pc:picChg>
        <pc:picChg chg="add mod">
          <ac:chgData name="Ilham Timimi" userId="fb573b2d-6039-489c-a6a3-4841286e457d" providerId="ADAL" clId="{58A8E8C6-1790-4C9C-9548-2567BEBDA90B}" dt="2024-09-13T10:56:01.187" v="21076"/>
          <ac:picMkLst>
            <pc:docMk/>
            <pc:sldMk cId="338664029" sldId="351"/>
            <ac:picMk id="9" creationId="{EB2D33F6-D023-4B6D-7A9C-92DD0A7A059C}"/>
          </ac:picMkLst>
        </pc:picChg>
        <pc:picChg chg="mod">
          <ac:chgData name="Ilham Timimi" userId="fb573b2d-6039-489c-a6a3-4841286e457d" providerId="ADAL" clId="{58A8E8C6-1790-4C9C-9548-2567BEBDA90B}" dt="2024-09-10T08:26:38.930" v="19344"/>
          <ac:picMkLst>
            <pc:docMk/>
            <pc:sldMk cId="338664029" sldId="351"/>
            <ac:picMk id="24" creationId="{D6176ECB-BC44-CDCE-75D1-31CDC8C2FF14}"/>
          </ac:picMkLst>
        </pc:picChg>
      </pc:sldChg>
      <pc:sldMasterChg chg="add addSldLayout">
        <pc:chgData name="Ilham Timimi" userId="fb573b2d-6039-489c-a6a3-4841286e457d" providerId="ADAL" clId="{58A8E8C6-1790-4C9C-9548-2567BEBDA90B}" dt="2024-08-29T12:01:42.853" v="11078" actId="27028"/>
        <pc:sldMasterMkLst>
          <pc:docMk/>
          <pc:sldMasterMk cId="3950149487" sldId="2147483696"/>
        </pc:sldMasterMkLst>
        <pc:sldLayoutChg chg="add">
          <pc:chgData name="Ilham Timimi" userId="fb573b2d-6039-489c-a6a3-4841286e457d" providerId="ADAL" clId="{58A8E8C6-1790-4C9C-9548-2567BEBDA90B}" dt="2024-08-29T12:01:42.853" v="11078" actId="27028"/>
          <pc:sldLayoutMkLst>
            <pc:docMk/>
            <pc:sldMasterMk cId="3950149487" sldId="2147483696"/>
            <pc:sldLayoutMk cId="2637047936" sldId="2147483697"/>
          </pc:sldLayoutMkLst>
        </pc:sldLayoutChg>
      </pc:sldMasterChg>
    </pc:docChg>
  </pc:docChgLst>
  <pc:docChgLst>
    <pc:chgData name="Ilham Timimi" userId="fb573b2d-6039-489c-a6a3-4841286e457d" providerId="ADAL" clId="{FF867E78-C14F-4C47-9EBE-4B061190E2D0}"/>
    <pc:docChg chg="undo redo custSel addSld delSld modSld sldOrd modSection">
      <pc:chgData name="Ilham Timimi" userId="fb573b2d-6039-489c-a6a3-4841286e457d" providerId="ADAL" clId="{FF867E78-C14F-4C47-9EBE-4B061190E2D0}" dt="2024-07-30T11:00:11.272" v="14636" actId="20577"/>
      <pc:docMkLst>
        <pc:docMk/>
      </pc:docMkLst>
      <pc:sldChg chg="modSp mod">
        <pc:chgData name="Ilham Timimi" userId="fb573b2d-6039-489c-a6a3-4841286e457d" providerId="ADAL" clId="{FF867E78-C14F-4C47-9EBE-4B061190E2D0}" dt="2024-07-18T09:09:37.441" v="3343" actId="20577"/>
        <pc:sldMkLst>
          <pc:docMk/>
          <pc:sldMk cId="3774048680" sldId="265"/>
        </pc:sldMkLst>
        <pc:spChg chg="mod">
          <ac:chgData name="Ilham Timimi" userId="fb573b2d-6039-489c-a6a3-4841286e457d" providerId="ADAL" clId="{FF867E78-C14F-4C47-9EBE-4B061190E2D0}" dt="2024-07-18T09:09:37.441" v="3343" actId="20577"/>
          <ac:spMkLst>
            <pc:docMk/>
            <pc:sldMk cId="3774048680" sldId="265"/>
            <ac:spMk id="61" creationId="{A3399CB6-6B8A-08DD-5006-A863A3631D91}"/>
          </ac:spMkLst>
        </pc:spChg>
      </pc:sldChg>
      <pc:sldChg chg="del ord">
        <pc:chgData name="Ilham Timimi" userId="fb573b2d-6039-489c-a6a3-4841286e457d" providerId="ADAL" clId="{FF867E78-C14F-4C47-9EBE-4B061190E2D0}" dt="2024-07-16T13:25:03.179" v="2308" actId="47"/>
        <pc:sldMkLst>
          <pc:docMk/>
          <pc:sldMk cId="690155780" sldId="289"/>
        </pc:sldMkLst>
      </pc:sldChg>
      <pc:sldChg chg="modSp mod modNotesTx">
        <pc:chgData name="Ilham Timimi" userId="fb573b2d-6039-489c-a6a3-4841286e457d" providerId="ADAL" clId="{FF867E78-C14F-4C47-9EBE-4B061190E2D0}" dt="2024-07-30T10:12:43.532" v="13730" actId="21"/>
        <pc:sldMkLst>
          <pc:docMk/>
          <pc:sldMk cId="2951401524" sldId="318"/>
        </pc:sldMkLst>
        <pc:spChg chg="mod">
          <ac:chgData name="Ilham Timimi" userId="fb573b2d-6039-489c-a6a3-4841286e457d" providerId="ADAL" clId="{FF867E78-C14F-4C47-9EBE-4B061190E2D0}" dt="2024-07-29T10:37:45.126" v="7441" actId="1076"/>
          <ac:spMkLst>
            <pc:docMk/>
            <pc:sldMk cId="2951401524" sldId="318"/>
            <ac:spMk id="2" creationId="{3AC46276-8959-1E97-1C70-6CAE5DA2DF25}"/>
          </ac:spMkLst>
        </pc:spChg>
        <pc:spChg chg="mod">
          <ac:chgData name="Ilham Timimi" userId="fb573b2d-6039-489c-a6a3-4841286e457d" providerId="ADAL" clId="{FF867E78-C14F-4C47-9EBE-4B061190E2D0}" dt="2024-07-29T11:08:40.699" v="8072" actId="1076"/>
          <ac:spMkLst>
            <pc:docMk/>
            <pc:sldMk cId="2951401524" sldId="318"/>
            <ac:spMk id="3" creationId="{05CF4C38-56A2-D80A-366A-2E0837981E62}"/>
          </ac:spMkLst>
        </pc:spChg>
        <pc:spChg chg="mod">
          <ac:chgData name="Ilham Timimi" userId="fb573b2d-6039-489c-a6a3-4841286e457d" providerId="ADAL" clId="{FF867E78-C14F-4C47-9EBE-4B061190E2D0}" dt="2024-07-30T10:12:43.532" v="13730" actId="21"/>
          <ac:spMkLst>
            <pc:docMk/>
            <pc:sldMk cId="2951401524" sldId="318"/>
            <ac:spMk id="4" creationId="{2540924C-9F75-0B88-BA8E-ED32766FD15F}"/>
          </ac:spMkLst>
        </pc:spChg>
      </pc:sldChg>
      <pc:sldChg chg="modSp mod ord">
        <pc:chgData name="Ilham Timimi" userId="fb573b2d-6039-489c-a6a3-4841286e457d" providerId="ADAL" clId="{FF867E78-C14F-4C47-9EBE-4B061190E2D0}" dt="2024-07-30T11:00:11.272" v="14636" actId="20577"/>
        <pc:sldMkLst>
          <pc:docMk/>
          <pc:sldMk cId="1967428355" sldId="319"/>
        </pc:sldMkLst>
        <pc:spChg chg="mod">
          <ac:chgData name="Ilham Timimi" userId="fb573b2d-6039-489c-a6a3-4841286e457d" providerId="ADAL" clId="{FF867E78-C14F-4C47-9EBE-4B061190E2D0}" dt="2024-07-18T09:07:29.530" v="3263"/>
          <ac:spMkLst>
            <pc:docMk/>
            <pc:sldMk cId="1967428355" sldId="319"/>
            <ac:spMk id="2" creationId="{A7E05F5D-87A9-2938-C563-556A644EC2CE}"/>
          </ac:spMkLst>
        </pc:spChg>
        <pc:spChg chg="mod">
          <ac:chgData name="Ilham Timimi" userId="fb573b2d-6039-489c-a6a3-4841286e457d" providerId="ADAL" clId="{FF867E78-C14F-4C47-9EBE-4B061190E2D0}" dt="2024-07-29T10:48:30.328" v="7496" actId="20577"/>
          <ac:spMkLst>
            <pc:docMk/>
            <pc:sldMk cId="1967428355" sldId="319"/>
            <ac:spMk id="3" creationId="{D342BAC1-7B98-A46D-6ED2-4C8D671F47C4}"/>
          </ac:spMkLst>
        </pc:spChg>
        <pc:spChg chg="mod">
          <ac:chgData name="Ilham Timimi" userId="fb573b2d-6039-489c-a6a3-4841286e457d" providerId="ADAL" clId="{FF867E78-C14F-4C47-9EBE-4B061190E2D0}" dt="2024-07-30T11:00:11.272" v="14636" actId="20577"/>
          <ac:spMkLst>
            <pc:docMk/>
            <pc:sldMk cId="1967428355" sldId="319"/>
            <ac:spMk id="4" creationId="{90315515-A654-D047-60E3-3B31651994F9}"/>
          </ac:spMkLst>
        </pc:spChg>
      </pc:sldChg>
      <pc:sldChg chg="modSp mod">
        <pc:chgData name="Ilham Timimi" userId="fb573b2d-6039-489c-a6a3-4841286e457d" providerId="ADAL" clId="{FF867E78-C14F-4C47-9EBE-4B061190E2D0}" dt="2024-07-18T09:08:00.702" v="3290" actId="20577"/>
        <pc:sldMkLst>
          <pc:docMk/>
          <pc:sldMk cId="263095811" sldId="320"/>
        </pc:sldMkLst>
        <pc:spChg chg="mod">
          <ac:chgData name="Ilham Timimi" userId="fb573b2d-6039-489c-a6a3-4841286e457d" providerId="ADAL" clId="{FF867E78-C14F-4C47-9EBE-4B061190E2D0}" dt="2024-07-18T09:08:00.702" v="3290" actId="20577"/>
          <ac:spMkLst>
            <pc:docMk/>
            <pc:sldMk cId="263095811" sldId="320"/>
            <ac:spMk id="2" creationId="{82CCE10C-347A-B412-1364-F95DB294884F}"/>
          </ac:spMkLst>
        </pc:spChg>
        <pc:spChg chg="mod">
          <ac:chgData name="Ilham Timimi" userId="fb573b2d-6039-489c-a6a3-4841286e457d" providerId="ADAL" clId="{FF867E78-C14F-4C47-9EBE-4B061190E2D0}" dt="2024-07-16T13:12:22.796" v="2052"/>
          <ac:spMkLst>
            <pc:docMk/>
            <pc:sldMk cId="263095811" sldId="320"/>
            <ac:spMk id="4" creationId="{C55EC398-BE88-7A59-F9C5-86A70967AD95}"/>
          </ac:spMkLst>
        </pc:spChg>
      </pc:sldChg>
      <pc:sldChg chg="del">
        <pc:chgData name="Ilham Timimi" userId="fb573b2d-6039-489c-a6a3-4841286e457d" providerId="ADAL" clId="{FF867E78-C14F-4C47-9EBE-4B061190E2D0}" dt="2024-07-05T11:13:54.403" v="0" actId="47"/>
        <pc:sldMkLst>
          <pc:docMk/>
          <pc:sldMk cId="2087576595" sldId="321"/>
        </pc:sldMkLst>
      </pc:sldChg>
      <pc:sldChg chg="addSp delSp modSp mod modNotesTx">
        <pc:chgData name="Ilham Timimi" userId="fb573b2d-6039-489c-a6a3-4841286e457d" providerId="ADAL" clId="{FF867E78-C14F-4C47-9EBE-4B061190E2D0}" dt="2024-07-30T10:13:13.930" v="13740" actId="14100"/>
        <pc:sldMkLst>
          <pc:docMk/>
          <pc:sldMk cId="286951747" sldId="322"/>
        </pc:sldMkLst>
        <pc:spChg chg="mod">
          <ac:chgData name="Ilham Timimi" userId="fb573b2d-6039-489c-a6a3-4841286e457d" providerId="ADAL" clId="{FF867E78-C14F-4C47-9EBE-4B061190E2D0}" dt="2024-07-18T09:07:33.124" v="3264"/>
          <ac:spMkLst>
            <pc:docMk/>
            <pc:sldMk cId="286951747" sldId="322"/>
            <ac:spMk id="2" creationId="{D71263A9-277B-F301-1A63-C28760468FB5}"/>
          </ac:spMkLst>
        </pc:spChg>
        <pc:spChg chg="mod">
          <ac:chgData name="Ilham Timimi" userId="fb573b2d-6039-489c-a6a3-4841286e457d" providerId="ADAL" clId="{FF867E78-C14F-4C47-9EBE-4B061190E2D0}" dt="2024-07-29T10:49:09.743" v="7568" actId="20577"/>
          <ac:spMkLst>
            <pc:docMk/>
            <pc:sldMk cId="286951747" sldId="322"/>
            <ac:spMk id="3" creationId="{D9D0FC30-ECA0-07B2-62A3-75371CDA8809}"/>
          </ac:spMkLst>
        </pc:spChg>
        <pc:spChg chg="mod">
          <ac:chgData name="Ilham Timimi" userId="fb573b2d-6039-489c-a6a3-4841286e457d" providerId="ADAL" clId="{FF867E78-C14F-4C47-9EBE-4B061190E2D0}" dt="2024-07-30T10:13:13.930" v="13740" actId="14100"/>
          <ac:spMkLst>
            <pc:docMk/>
            <pc:sldMk cId="286951747" sldId="322"/>
            <ac:spMk id="4" creationId="{2E1D339A-2AF3-CDC1-36FD-7DAD144FB1AE}"/>
          </ac:spMkLst>
        </pc:spChg>
        <pc:picChg chg="add del">
          <ac:chgData name="Ilham Timimi" userId="fb573b2d-6039-489c-a6a3-4841286e457d" providerId="ADAL" clId="{FF867E78-C14F-4C47-9EBE-4B061190E2D0}" dt="2024-07-29T12:27:37.813" v="8945" actId="22"/>
          <ac:picMkLst>
            <pc:docMk/>
            <pc:sldMk cId="286951747" sldId="322"/>
            <ac:picMk id="7" creationId="{59CC1E0B-CBA6-D3E0-0B80-3761F8109B0A}"/>
          </ac:picMkLst>
        </pc:picChg>
      </pc:sldChg>
      <pc:sldChg chg="addSp modSp mod modNotesTx">
        <pc:chgData name="Ilham Timimi" userId="fb573b2d-6039-489c-a6a3-4841286e457d" providerId="ADAL" clId="{FF867E78-C14F-4C47-9EBE-4B061190E2D0}" dt="2024-07-18T09:13:30.021" v="3347" actId="1076"/>
        <pc:sldMkLst>
          <pc:docMk/>
          <pc:sldMk cId="527157606" sldId="323"/>
        </pc:sldMkLst>
        <pc:spChg chg="mod">
          <ac:chgData name="Ilham Timimi" userId="fb573b2d-6039-489c-a6a3-4841286e457d" providerId="ADAL" clId="{FF867E78-C14F-4C47-9EBE-4B061190E2D0}" dt="2024-07-05T11:14:57.841" v="5" actId="14100"/>
          <ac:spMkLst>
            <pc:docMk/>
            <pc:sldMk cId="527157606" sldId="323"/>
            <ac:spMk id="4" creationId="{6B31BAB7-54FE-3D23-6762-DF234A614F76}"/>
          </ac:spMkLst>
        </pc:spChg>
        <pc:spChg chg="mod">
          <ac:chgData name="Ilham Timimi" userId="fb573b2d-6039-489c-a6a3-4841286e457d" providerId="ADAL" clId="{FF867E78-C14F-4C47-9EBE-4B061190E2D0}" dt="2024-07-18T09:02:44.837" v="2896" actId="20577"/>
          <ac:spMkLst>
            <pc:docMk/>
            <pc:sldMk cId="527157606" sldId="323"/>
            <ac:spMk id="20" creationId="{2C932B33-4AD4-16EE-6181-13A8AA67265C}"/>
          </ac:spMkLst>
        </pc:spChg>
        <pc:picChg chg="mod">
          <ac:chgData name="Ilham Timimi" userId="fb573b2d-6039-489c-a6a3-4841286e457d" providerId="ADAL" clId="{FF867E78-C14F-4C47-9EBE-4B061190E2D0}" dt="2024-07-18T09:13:30.021" v="3347" actId="1076"/>
          <ac:picMkLst>
            <pc:docMk/>
            <pc:sldMk cId="527157606" sldId="323"/>
            <ac:picMk id="7" creationId="{BB0759B5-AF1F-5507-DB64-FAF3ED662962}"/>
          </ac:picMkLst>
        </pc:picChg>
        <pc:cxnChg chg="add mod">
          <ac:chgData name="Ilham Timimi" userId="fb573b2d-6039-489c-a6a3-4841286e457d" providerId="ADAL" clId="{FF867E78-C14F-4C47-9EBE-4B061190E2D0}" dt="2024-07-05T11:16:06.206" v="13" actId="13822"/>
          <ac:cxnSpMkLst>
            <pc:docMk/>
            <pc:sldMk cId="527157606" sldId="323"/>
            <ac:cxnSpMk id="19" creationId="{80AE3197-5940-A1FB-9E25-DB075BDEFA09}"/>
          </ac:cxnSpMkLst>
        </pc:cxnChg>
      </pc:sldChg>
      <pc:sldChg chg="addSp delSp modSp mod modClrScheme chgLayout modNotesTx">
        <pc:chgData name="Ilham Timimi" userId="fb573b2d-6039-489c-a6a3-4841286e457d" providerId="ADAL" clId="{FF867E78-C14F-4C47-9EBE-4B061190E2D0}" dt="2024-07-18T09:09:13.048" v="3330" actId="20577"/>
        <pc:sldMkLst>
          <pc:docMk/>
          <pc:sldMk cId="4105132941" sldId="324"/>
        </pc:sldMkLst>
        <pc:spChg chg="mod ord">
          <ac:chgData name="Ilham Timimi" userId="fb573b2d-6039-489c-a6a3-4841286e457d" providerId="ADAL" clId="{FF867E78-C14F-4C47-9EBE-4B061190E2D0}" dt="2024-07-16T13:24:25.391" v="2303" actId="26606"/>
          <ac:spMkLst>
            <pc:docMk/>
            <pc:sldMk cId="4105132941" sldId="324"/>
            <ac:spMk id="3" creationId="{0A846F02-CE46-ACF3-18AE-D5B0C9E9CAFC}"/>
          </ac:spMkLst>
        </pc:spChg>
        <pc:spChg chg="mod">
          <ac:chgData name="Ilham Timimi" userId="fb573b2d-6039-489c-a6a3-4841286e457d" providerId="ADAL" clId="{FF867E78-C14F-4C47-9EBE-4B061190E2D0}" dt="2024-07-16T13:24:25.391" v="2303" actId="26606"/>
          <ac:spMkLst>
            <pc:docMk/>
            <pc:sldMk cId="4105132941" sldId="324"/>
            <ac:spMk id="6" creationId="{C5BAA406-62F1-BF91-35A1-51980570C949}"/>
          </ac:spMkLst>
        </pc:spChg>
        <pc:spChg chg="mod">
          <ac:chgData name="Ilham Timimi" userId="fb573b2d-6039-489c-a6a3-4841286e457d" providerId="ADAL" clId="{FF867E78-C14F-4C47-9EBE-4B061190E2D0}" dt="2024-07-16T13:24:25.391" v="2303" actId="26606"/>
          <ac:spMkLst>
            <pc:docMk/>
            <pc:sldMk cId="4105132941" sldId="324"/>
            <ac:spMk id="31" creationId="{208FE7C8-E8C6-B55B-21B1-538C4773C5D7}"/>
          </ac:spMkLst>
        </pc:spChg>
        <pc:spChg chg="add del">
          <ac:chgData name="Ilham Timimi" userId="fb573b2d-6039-489c-a6a3-4841286e457d" providerId="ADAL" clId="{FF867E78-C14F-4C47-9EBE-4B061190E2D0}" dt="2024-07-16T13:24:25.391" v="2303" actId="26606"/>
          <ac:spMkLst>
            <pc:docMk/>
            <pc:sldMk cId="4105132941" sldId="324"/>
            <ac:spMk id="36" creationId="{A7CB3772-4673-73EB-D225-D4C5A9F87D0C}"/>
          </ac:spMkLst>
        </pc:spChg>
        <pc:spChg chg="add del mod">
          <ac:chgData name="Ilham Timimi" userId="fb573b2d-6039-489c-a6a3-4841286e457d" providerId="ADAL" clId="{FF867E78-C14F-4C47-9EBE-4B061190E2D0}" dt="2024-07-16T13:24:25.284" v="2302" actId="26606"/>
          <ac:spMkLst>
            <pc:docMk/>
            <pc:sldMk cId="4105132941" sldId="324"/>
            <ac:spMk id="41" creationId="{19ECF431-B6BD-067D-0D65-4015B63B3815}"/>
          </ac:spMkLst>
        </pc:spChg>
        <pc:spChg chg="add mod">
          <ac:chgData name="Ilham Timimi" userId="fb573b2d-6039-489c-a6a3-4841286e457d" providerId="ADAL" clId="{FF867E78-C14F-4C47-9EBE-4B061190E2D0}" dt="2024-07-18T09:09:13.048" v="3330" actId="20577"/>
          <ac:spMkLst>
            <pc:docMk/>
            <pc:sldMk cId="4105132941" sldId="324"/>
            <ac:spMk id="43" creationId="{9D217691-888F-AF1B-603A-9FC2B4FCFF3E}"/>
          </ac:spMkLst>
        </pc:spChg>
        <pc:picChg chg="mod ord">
          <ac:chgData name="Ilham Timimi" userId="fb573b2d-6039-489c-a6a3-4841286e457d" providerId="ADAL" clId="{FF867E78-C14F-4C47-9EBE-4B061190E2D0}" dt="2024-07-16T13:24:25.391" v="2303" actId="26606"/>
          <ac:picMkLst>
            <pc:docMk/>
            <pc:sldMk cId="4105132941" sldId="324"/>
            <ac:picMk id="9" creationId="{9F330644-E87D-19DA-E69F-43A4EC910FBC}"/>
          </ac:picMkLst>
        </pc:picChg>
      </pc:sldChg>
      <pc:sldChg chg="modSp mod modNotesTx">
        <pc:chgData name="Ilham Timimi" userId="fb573b2d-6039-489c-a6a3-4841286e457d" providerId="ADAL" clId="{FF867E78-C14F-4C47-9EBE-4B061190E2D0}" dt="2024-07-23T07:58:18.956" v="5308" actId="20577"/>
        <pc:sldMkLst>
          <pc:docMk/>
          <pc:sldMk cId="2567087278" sldId="325"/>
        </pc:sldMkLst>
        <pc:spChg chg="mod">
          <ac:chgData name="Ilham Timimi" userId="fb573b2d-6039-489c-a6a3-4841286e457d" providerId="ADAL" clId="{FF867E78-C14F-4C47-9EBE-4B061190E2D0}" dt="2024-07-18T08:53:55.339" v="2789" actId="20577"/>
          <ac:spMkLst>
            <pc:docMk/>
            <pc:sldMk cId="2567087278" sldId="325"/>
            <ac:spMk id="37" creationId="{90CACD9A-70B4-5639-C328-4224970EAD52}"/>
          </ac:spMkLst>
        </pc:spChg>
        <pc:spChg chg="mod">
          <ac:chgData name="Ilham Timimi" userId="fb573b2d-6039-489c-a6a3-4841286e457d" providerId="ADAL" clId="{FF867E78-C14F-4C47-9EBE-4B061190E2D0}" dt="2024-07-18T09:09:16.959" v="3331" actId="20577"/>
          <ac:spMkLst>
            <pc:docMk/>
            <pc:sldMk cId="2567087278" sldId="325"/>
            <ac:spMk id="38" creationId="{A1129371-A905-3ED7-E15D-76E23146BF15}"/>
          </ac:spMkLst>
        </pc:spChg>
        <pc:spChg chg="mod">
          <ac:chgData name="Ilham Timimi" userId="fb573b2d-6039-489c-a6a3-4841286e457d" providerId="ADAL" clId="{FF867E78-C14F-4C47-9EBE-4B061190E2D0}" dt="2024-07-18T09:02:15.952" v="2875" actId="20577"/>
          <ac:spMkLst>
            <pc:docMk/>
            <pc:sldMk cId="2567087278" sldId="325"/>
            <ac:spMk id="39" creationId="{0E9ED23C-BAD5-4991-640D-8441DA5B13B0}"/>
          </ac:spMkLst>
        </pc:spChg>
      </pc:sldChg>
      <pc:sldChg chg="modSp mod">
        <pc:chgData name="Ilham Timimi" userId="fb573b2d-6039-489c-a6a3-4841286e457d" providerId="ADAL" clId="{FF867E78-C14F-4C47-9EBE-4B061190E2D0}" dt="2024-07-18T09:03:48.725" v="2940" actId="1076"/>
        <pc:sldMkLst>
          <pc:docMk/>
          <pc:sldMk cId="1771857059" sldId="326"/>
        </pc:sldMkLst>
        <pc:spChg chg="mod">
          <ac:chgData name="Ilham Timimi" userId="fb573b2d-6039-489c-a6a3-4841286e457d" providerId="ADAL" clId="{FF867E78-C14F-4C47-9EBE-4B061190E2D0}" dt="2024-07-18T09:03:48.725" v="2940" actId="1076"/>
          <ac:spMkLst>
            <pc:docMk/>
            <pc:sldMk cId="1771857059" sldId="326"/>
            <ac:spMk id="12" creationId="{179FD339-14CD-987A-8EA7-A01C58131D59}"/>
          </ac:spMkLst>
        </pc:spChg>
      </pc:sldChg>
      <pc:sldChg chg="modSp mod modNotesTx">
        <pc:chgData name="Ilham Timimi" userId="fb573b2d-6039-489c-a6a3-4841286e457d" providerId="ADAL" clId="{FF867E78-C14F-4C47-9EBE-4B061190E2D0}" dt="2024-07-29T10:38:35.071" v="7445" actId="20577"/>
        <pc:sldMkLst>
          <pc:docMk/>
          <pc:sldMk cId="3023305345" sldId="327"/>
        </pc:sldMkLst>
        <pc:spChg chg="mod">
          <ac:chgData name="Ilham Timimi" userId="fb573b2d-6039-489c-a6a3-4841286e457d" providerId="ADAL" clId="{FF867E78-C14F-4C47-9EBE-4B061190E2D0}" dt="2024-07-18T09:04:36.627" v="2983" actId="20577"/>
          <ac:spMkLst>
            <pc:docMk/>
            <pc:sldMk cId="3023305345" sldId="327"/>
            <ac:spMk id="2" creationId="{E2094A1D-E82B-0548-2169-3CB54C5FF1AB}"/>
          </ac:spMkLst>
        </pc:spChg>
        <pc:spChg chg="mod">
          <ac:chgData name="Ilham Timimi" userId="fb573b2d-6039-489c-a6a3-4841286e457d" providerId="ADAL" clId="{FF867E78-C14F-4C47-9EBE-4B061190E2D0}" dt="2024-07-29T10:38:35.071" v="7445" actId="20577"/>
          <ac:spMkLst>
            <pc:docMk/>
            <pc:sldMk cId="3023305345" sldId="327"/>
            <ac:spMk id="4" creationId="{D5659D4E-A26B-17E9-36E6-71199F5A36F3}"/>
          </ac:spMkLst>
        </pc:spChg>
        <pc:spChg chg="mod">
          <ac:chgData name="Ilham Timimi" userId="fb573b2d-6039-489c-a6a3-4841286e457d" providerId="ADAL" clId="{FF867E78-C14F-4C47-9EBE-4B061190E2D0}" dt="2024-07-18T08:42:49.287" v="2708" actId="20577"/>
          <ac:spMkLst>
            <pc:docMk/>
            <pc:sldMk cId="3023305345" sldId="327"/>
            <ac:spMk id="6" creationId="{AB57A224-5D01-4030-D203-8560C82FDDCD}"/>
          </ac:spMkLst>
        </pc:spChg>
      </pc:sldChg>
      <pc:sldChg chg="modSp mod">
        <pc:chgData name="Ilham Timimi" userId="fb573b2d-6039-489c-a6a3-4841286e457d" providerId="ADAL" clId="{FF867E78-C14F-4C47-9EBE-4B061190E2D0}" dt="2024-07-18T09:04:54.324" v="3021" actId="20577"/>
        <pc:sldMkLst>
          <pc:docMk/>
          <pc:sldMk cId="685595701" sldId="328"/>
        </pc:sldMkLst>
        <pc:spChg chg="mod">
          <ac:chgData name="Ilham Timimi" userId="fb573b2d-6039-489c-a6a3-4841286e457d" providerId="ADAL" clId="{FF867E78-C14F-4C47-9EBE-4B061190E2D0}" dt="2024-07-18T09:04:54.324" v="3021" actId="20577"/>
          <ac:spMkLst>
            <pc:docMk/>
            <pc:sldMk cId="685595701" sldId="328"/>
            <ac:spMk id="20" creationId="{2186E0BB-DD5E-3D60-EDB7-2AD3F1690464}"/>
          </ac:spMkLst>
        </pc:spChg>
      </pc:sldChg>
      <pc:sldChg chg="addSp delSp modSp mod ord modNotesTx">
        <pc:chgData name="Ilham Timimi" userId="fb573b2d-6039-489c-a6a3-4841286e457d" providerId="ADAL" clId="{FF867E78-C14F-4C47-9EBE-4B061190E2D0}" dt="2024-07-23T06:49:11.794" v="4926" actId="20577"/>
        <pc:sldMkLst>
          <pc:docMk/>
          <pc:sldMk cId="1443557190" sldId="329"/>
        </pc:sldMkLst>
        <pc:spChg chg="mod">
          <ac:chgData name="Ilham Timimi" userId="fb573b2d-6039-489c-a6a3-4841286e457d" providerId="ADAL" clId="{FF867E78-C14F-4C47-9EBE-4B061190E2D0}" dt="2024-07-18T09:05:54.846" v="3168" actId="20577"/>
          <ac:spMkLst>
            <pc:docMk/>
            <pc:sldMk cId="1443557190" sldId="329"/>
            <ac:spMk id="2" creationId="{39B7DB10-F2B8-9C4F-F210-20268C8BA247}"/>
          </ac:spMkLst>
        </pc:spChg>
        <pc:spChg chg="mod">
          <ac:chgData name="Ilham Timimi" userId="fb573b2d-6039-489c-a6a3-4841286e457d" providerId="ADAL" clId="{FF867E78-C14F-4C47-9EBE-4B061190E2D0}" dt="2024-07-23T06:49:11.794" v="4926" actId="20577"/>
          <ac:spMkLst>
            <pc:docMk/>
            <pc:sldMk cId="1443557190" sldId="329"/>
            <ac:spMk id="3" creationId="{42281728-FAB6-55D4-8A18-99D5AD280D43}"/>
          </ac:spMkLst>
        </pc:spChg>
        <pc:spChg chg="mod">
          <ac:chgData name="Ilham Timimi" userId="fb573b2d-6039-489c-a6a3-4841286e457d" providerId="ADAL" clId="{FF867E78-C14F-4C47-9EBE-4B061190E2D0}" dt="2024-07-18T08:38:57.380" v="2607" actId="20577"/>
          <ac:spMkLst>
            <pc:docMk/>
            <pc:sldMk cId="1443557190" sldId="329"/>
            <ac:spMk id="4" creationId="{2AF62AE9-C949-A10D-15EF-BA42D56A0203}"/>
          </ac:spMkLst>
        </pc:spChg>
        <pc:spChg chg="add del">
          <ac:chgData name="Ilham Timimi" userId="fb573b2d-6039-489c-a6a3-4841286e457d" providerId="ADAL" clId="{FF867E78-C14F-4C47-9EBE-4B061190E2D0}" dt="2024-07-16T13:11:49.587" v="2050" actId="22"/>
          <ac:spMkLst>
            <pc:docMk/>
            <pc:sldMk cId="1443557190" sldId="329"/>
            <ac:spMk id="7" creationId="{E2EB83DE-5B17-81A6-9070-4F63AF530791}"/>
          </ac:spMkLst>
        </pc:spChg>
      </pc:sldChg>
      <pc:sldChg chg="add ord">
        <pc:chgData name="Ilham Timimi" userId="fb573b2d-6039-489c-a6a3-4841286e457d" providerId="ADAL" clId="{FF867E78-C14F-4C47-9EBE-4B061190E2D0}" dt="2024-07-05T11:14:17.461" v="3"/>
        <pc:sldMkLst>
          <pc:docMk/>
          <pc:sldMk cId="3757911632" sldId="330"/>
        </pc:sldMkLst>
      </pc:sldChg>
      <pc:sldChg chg="modSp new mod">
        <pc:chgData name="Ilham Timimi" userId="fb573b2d-6039-489c-a6a3-4841286e457d" providerId="ADAL" clId="{FF867E78-C14F-4C47-9EBE-4B061190E2D0}" dt="2024-07-18T09:08:57.321" v="3329" actId="20577"/>
        <pc:sldMkLst>
          <pc:docMk/>
          <pc:sldMk cId="3147870488" sldId="331"/>
        </pc:sldMkLst>
        <pc:spChg chg="mod">
          <ac:chgData name="Ilham Timimi" userId="fb573b2d-6039-489c-a6a3-4841286e457d" providerId="ADAL" clId="{FF867E78-C14F-4C47-9EBE-4B061190E2D0}" dt="2024-07-18T09:08:57.321" v="3329" actId="20577"/>
          <ac:spMkLst>
            <pc:docMk/>
            <pc:sldMk cId="3147870488" sldId="331"/>
            <ac:spMk id="2" creationId="{CDBEE0B5-6AE6-09FC-C5A6-8CBD969D82ED}"/>
          </ac:spMkLst>
        </pc:spChg>
        <pc:spChg chg="mod">
          <ac:chgData name="Ilham Timimi" userId="fb573b2d-6039-489c-a6a3-4841286e457d" providerId="ADAL" clId="{FF867E78-C14F-4C47-9EBE-4B061190E2D0}" dt="2024-07-18T09:08:47.194" v="3323" actId="20577"/>
          <ac:spMkLst>
            <pc:docMk/>
            <pc:sldMk cId="3147870488" sldId="331"/>
            <ac:spMk id="3" creationId="{AE51A6B1-AD55-4BFB-4CC4-A80528095642}"/>
          </ac:spMkLst>
        </pc:spChg>
        <pc:spChg chg="mod">
          <ac:chgData name="Ilham Timimi" userId="fb573b2d-6039-489c-a6a3-4841286e457d" providerId="ADAL" clId="{FF867E78-C14F-4C47-9EBE-4B061190E2D0}" dt="2024-07-16T13:12:37.974" v="2054"/>
          <ac:spMkLst>
            <pc:docMk/>
            <pc:sldMk cId="3147870488" sldId="331"/>
            <ac:spMk id="4" creationId="{FFD1B318-0405-CD1A-80C2-0B014DDDBD08}"/>
          </ac:spMkLst>
        </pc:spChg>
      </pc:sldChg>
      <pc:sldChg chg="addSp delSp modSp new mod ord modNotesTx">
        <pc:chgData name="Ilham Timimi" userId="fb573b2d-6039-489c-a6a3-4841286e457d" providerId="ADAL" clId="{FF867E78-C14F-4C47-9EBE-4B061190E2D0}" dt="2024-07-30T06:36:44.257" v="10087" actId="20577"/>
        <pc:sldMkLst>
          <pc:docMk/>
          <pc:sldMk cId="308096609" sldId="332"/>
        </pc:sldMkLst>
        <pc:spChg chg="del">
          <ac:chgData name="Ilham Timimi" userId="fb573b2d-6039-489c-a6a3-4841286e457d" providerId="ADAL" clId="{FF867E78-C14F-4C47-9EBE-4B061190E2D0}" dt="2024-07-16T13:19:48.053" v="2155" actId="26606"/>
          <ac:spMkLst>
            <pc:docMk/>
            <pc:sldMk cId="308096609" sldId="332"/>
            <ac:spMk id="2" creationId="{616745FD-82D9-CD81-1090-A6FB287AED51}"/>
          </ac:spMkLst>
        </pc:spChg>
        <pc:spChg chg="mod">
          <ac:chgData name="Ilham Timimi" userId="fb573b2d-6039-489c-a6a3-4841286e457d" providerId="ADAL" clId="{FF867E78-C14F-4C47-9EBE-4B061190E2D0}" dt="2024-07-29T10:53:36.355" v="7884" actId="20577"/>
          <ac:spMkLst>
            <pc:docMk/>
            <pc:sldMk cId="308096609" sldId="332"/>
            <ac:spMk id="3" creationId="{8B3CA8C1-AC9B-7170-71C2-B08CFB3DA7EE}"/>
          </ac:spMkLst>
        </pc:spChg>
        <pc:spChg chg="del">
          <ac:chgData name="Ilham Timimi" userId="fb573b2d-6039-489c-a6a3-4841286e457d" providerId="ADAL" clId="{FF867E78-C14F-4C47-9EBE-4B061190E2D0}" dt="2024-07-16T13:19:48.053" v="2155" actId="26606"/>
          <ac:spMkLst>
            <pc:docMk/>
            <pc:sldMk cId="308096609" sldId="332"/>
            <ac:spMk id="4" creationId="{9175548B-8446-A924-A97C-0F87A031F523}"/>
          </ac:spMkLst>
        </pc:spChg>
        <pc:spChg chg="del">
          <ac:chgData name="Ilham Timimi" userId="fb573b2d-6039-489c-a6a3-4841286e457d" providerId="ADAL" clId="{FF867E78-C14F-4C47-9EBE-4B061190E2D0}" dt="2024-07-16T13:17:26.649" v="2119" actId="931"/>
          <ac:spMkLst>
            <pc:docMk/>
            <pc:sldMk cId="308096609" sldId="332"/>
            <ac:spMk id="5" creationId="{459A21F5-CB98-9EBC-8921-2F260087BA95}"/>
          </ac:spMkLst>
        </pc:spChg>
        <pc:spChg chg="mod">
          <ac:chgData name="Ilham Timimi" userId="fb573b2d-6039-489c-a6a3-4841286e457d" providerId="ADAL" clId="{FF867E78-C14F-4C47-9EBE-4B061190E2D0}" dt="2024-07-16T13:19:48.053" v="2155" actId="26606"/>
          <ac:spMkLst>
            <pc:docMk/>
            <pc:sldMk cId="308096609" sldId="332"/>
            <ac:spMk id="6" creationId="{676A9D15-DA9B-997B-D233-1E95DDD82E0A}"/>
          </ac:spMkLst>
        </pc:spChg>
        <pc:spChg chg="add mod">
          <ac:chgData name="Ilham Timimi" userId="fb573b2d-6039-489c-a6a3-4841286e457d" providerId="ADAL" clId="{FF867E78-C14F-4C47-9EBE-4B061190E2D0}" dt="2024-07-18T09:07:19.652" v="3261" actId="20577"/>
          <ac:spMkLst>
            <pc:docMk/>
            <pc:sldMk cId="308096609" sldId="332"/>
            <ac:spMk id="13" creationId="{E1E28277-9B90-B43A-5114-2C0D900271AD}"/>
          </ac:spMkLst>
        </pc:spChg>
        <pc:spChg chg="add mod">
          <ac:chgData name="Ilham Timimi" userId="fb573b2d-6039-489c-a6a3-4841286e457d" providerId="ADAL" clId="{FF867E78-C14F-4C47-9EBE-4B061190E2D0}" dt="2024-07-29T11:10:13.208" v="8111" actId="20577"/>
          <ac:spMkLst>
            <pc:docMk/>
            <pc:sldMk cId="308096609" sldId="332"/>
            <ac:spMk id="15" creationId="{30F3CDE6-05F1-4C65-B44E-04678AF8053D}"/>
          </ac:spMkLst>
        </pc:spChg>
        <pc:picChg chg="add mod">
          <ac:chgData name="Ilham Timimi" userId="fb573b2d-6039-489c-a6a3-4841286e457d" providerId="ADAL" clId="{FF867E78-C14F-4C47-9EBE-4B061190E2D0}" dt="2024-07-16T13:19:48.053" v="2155" actId="26606"/>
          <ac:picMkLst>
            <pc:docMk/>
            <pc:sldMk cId="308096609" sldId="332"/>
            <ac:picMk id="8" creationId="{C1514537-0796-F180-C225-B85728458117}"/>
          </ac:picMkLst>
        </pc:picChg>
      </pc:sldChg>
      <pc:sldChg chg="addSp delSp modSp new mod">
        <pc:chgData name="Ilham Timimi" userId="fb573b2d-6039-489c-a6a3-4841286e457d" providerId="ADAL" clId="{FF867E78-C14F-4C47-9EBE-4B061190E2D0}" dt="2024-07-16T13:23:43.768" v="2300" actId="20577"/>
        <pc:sldMkLst>
          <pc:docMk/>
          <pc:sldMk cId="2833670023" sldId="333"/>
        </pc:sldMkLst>
        <pc:spChg chg="del">
          <ac:chgData name="Ilham Timimi" userId="fb573b2d-6039-489c-a6a3-4841286e457d" providerId="ADAL" clId="{FF867E78-C14F-4C47-9EBE-4B061190E2D0}" dt="2024-07-16T13:20:40.748" v="2158" actId="931"/>
          <ac:spMkLst>
            <pc:docMk/>
            <pc:sldMk cId="2833670023" sldId="333"/>
            <ac:spMk id="2" creationId="{B9947EDA-CE97-0BC5-ED71-36E07EDDAA02}"/>
          </ac:spMkLst>
        </pc:spChg>
        <pc:spChg chg="mod">
          <ac:chgData name="Ilham Timimi" userId="fb573b2d-6039-489c-a6a3-4841286e457d" providerId="ADAL" clId="{FF867E78-C14F-4C47-9EBE-4B061190E2D0}" dt="2024-07-16T13:23:43.768" v="2300" actId="20577"/>
          <ac:spMkLst>
            <pc:docMk/>
            <pc:sldMk cId="2833670023" sldId="333"/>
            <ac:spMk id="3" creationId="{4F411407-174D-E3D1-116E-18D587FC7473}"/>
          </ac:spMkLst>
        </pc:spChg>
        <pc:picChg chg="add mod">
          <ac:chgData name="Ilham Timimi" userId="fb573b2d-6039-489c-a6a3-4841286e457d" providerId="ADAL" clId="{FF867E78-C14F-4C47-9EBE-4B061190E2D0}" dt="2024-07-16T13:20:40.748" v="2158" actId="931"/>
          <ac:picMkLst>
            <pc:docMk/>
            <pc:sldMk cId="2833670023" sldId="333"/>
            <ac:picMk id="7" creationId="{C6207F18-AE94-CDF8-0F7F-E0D23AE0B5DE}"/>
          </ac:picMkLst>
        </pc:picChg>
      </pc:sldChg>
      <pc:sldChg chg="addSp delSp modSp new del mod modClrScheme chgLayout">
        <pc:chgData name="Ilham Timimi" userId="fb573b2d-6039-489c-a6a3-4841286e457d" providerId="ADAL" clId="{FF867E78-C14F-4C47-9EBE-4B061190E2D0}" dt="2024-07-16T13:19:23.401" v="2127" actId="2696"/>
        <pc:sldMkLst>
          <pc:docMk/>
          <pc:sldMk cId="3113512160" sldId="333"/>
        </pc:sldMkLst>
        <pc:spChg chg="del">
          <ac:chgData name="Ilham Timimi" userId="fb573b2d-6039-489c-a6a3-4841286e457d" providerId="ADAL" clId="{FF867E78-C14F-4C47-9EBE-4B061190E2D0}" dt="2024-07-16T13:17:44.586" v="2120" actId="931"/>
          <ac:spMkLst>
            <pc:docMk/>
            <pc:sldMk cId="3113512160" sldId="333"/>
            <ac:spMk id="2" creationId="{3C238FAD-17CB-BD61-BDB9-0527BD0E1607}"/>
          </ac:spMkLst>
        </pc:spChg>
        <pc:spChg chg="mod">
          <ac:chgData name="Ilham Timimi" userId="fb573b2d-6039-489c-a6a3-4841286e457d" providerId="ADAL" clId="{FF867E78-C14F-4C47-9EBE-4B061190E2D0}" dt="2024-07-16T13:19:08" v="2126" actId="26606"/>
          <ac:spMkLst>
            <pc:docMk/>
            <pc:sldMk cId="3113512160" sldId="333"/>
            <ac:spMk id="3" creationId="{D46AC8D2-2BAF-4A83-A8FA-B8D162A808CF}"/>
          </ac:spMkLst>
        </pc:spChg>
        <pc:spChg chg="add del">
          <ac:chgData name="Ilham Timimi" userId="fb573b2d-6039-489c-a6a3-4841286e457d" providerId="ADAL" clId="{FF867E78-C14F-4C47-9EBE-4B061190E2D0}" dt="2024-07-16T13:19:08" v="2126" actId="26606"/>
          <ac:spMkLst>
            <pc:docMk/>
            <pc:sldMk cId="3113512160" sldId="333"/>
            <ac:spMk id="4" creationId="{86A829FD-B0FA-7C47-79D6-0993226A0114}"/>
          </ac:spMkLst>
        </pc:spChg>
        <pc:spChg chg="mod">
          <ac:chgData name="Ilham Timimi" userId="fb573b2d-6039-489c-a6a3-4841286e457d" providerId="ADAL" clId="{FF867E78-C14F-4C47-9EBE-4B061190E2D0}" dt="2024-07-16T13:19:08" v="2126" actId="26606"/>
          <ac:spMkLst>
            <pc:docMk/>
            <pc:sldMk cId="3113512160" sldId="333"/>
            <ac:spMk id="5" creationId="{D692CA44-71E1-2434-6EEF-3508FFE5320C}"/>
          </ac:spMkLst>
        </pc:spChg>
        <pc:spChg chg="add del mod">
          <ac:chgData name="Ilham Timimi" userId="fb573b2d-6039-489c-a6a3-4841286e457d" providerId="ADAL" clId="{FF867E78-C14F-4C47-9EBE-4B061190E2D0}" dt="2024-07-16T13:18:10.496" v="2122" actId="931"/>
          <ac:spMkLst>
            <pc:docMk/>
            <pc:sldMk cId="3113512160" sldId="333"/>
            <ac:spMk id="8" creationId="{D334D7B9-2D98-F9EA-617B-7AFF4EF47958}"/>
          </ac:spMkLst>
        </pc:spChg>
        <pc:spChg chg="add del mod">
          <ac:chgData name="Ilham Timimi" userId="fb573b2d-6039-489c-a6a3-4841286e457d" providerId="ADAL" clId="{FF867E78-C14F-4C47-9EBE-4B061190E2D0}" dt="2024-07-16T13:18:39.648" v="2124" actId="931"/>
          <ac:spMkLst>
            <pc:docMk/>
            <pc:sldMk cId="3113512160" sldId="333"/>
            <ac:spMk id="11" creationId="{684ABBFE-1797-C9BF-14B2-8AF9A8E60739}"/>
          </ac:spMkLst>
        </pc:spChg>
        <pc:spChg chg="add del mod">
          <ac:chgData name="Ilham Timimi" userId="fb573b2d-6039-489c-a6a3-4841286e457d" providerId="ADAL" clId="{FF867E78-C14F-4C47-9EBE-4B061190E2D0}" dt="2024-07-16T13:19:08" v="2126" actId="26606"/>
          <ac:spMkLst>
            <pc:docMk/>
            <pc:sldMk cId="3113512160" sldId="333"/>
            <ac:spMk id="18" creationId="{D00E50C1-A326-E7A3-E0E7-D8637B09FDDE}"/>
          </ac:spMkLst>
        </pc:spChg>
        <pc:picChg chg="add del mod">
          <ac:chgData name="Ilham Timimi" userId="fb573b2d-6039-489c-a6a3-4841286e457d" providerId="ADAL" clId="{FF867E78-C14F-4C47-9EBE-4B061190E2D0}" dt="2024-07-16T13:17:58.146" v="2121" actId="478"/>
          <ac:picMkLst>
            <pc:docMk/>
            <pc:sldMk cId="3113512160" sldId="333"/>
            <ac:picMk id="7" creationId="{490253D0-23F6-393A-7B30-5896DE363CA7}"/>
          </ac:picMkLst>
        </pc:picChg>
        <pc:picChg chg="add del mod">
          <ac:chgData name="Ilham Timimi" userId="fb573b2d-6039-489c-a6a3-4841286e457d" providerId="ADAL" clId="{FF867E78-C14F-4C47-9EBE-4B061190E2D0}" dt="2024-07-16T13:18:28.354" v="2123" actId="478"/>
          <ac:picMkLst>
            <pc:docMk/>
            <pc:sldMk cId="3113512160" sldId="333"/>
            <ac:picMk id="10" creationId="{3D6AF4EE-6395-A313-00DA-84D6B7813987}"/>
          </ac:picMkLst>
        </pc:picChg>
        <pc:picChg chg="add mod ord">
          <ac:chgData name="Ilham Timimi" userId="fb573b2d-6039-489c-a6a3-4841286e457d" providerId="ADAL" clId="{FF867E78-C14F-4C47-9EBE-4B061190E2D0}" dt="2024-07-16T13:19:08" v="2126" actId="26606"/>
          <ac:picMkLst>
            <pc:docMk/>
            <pc:sldMk cId="3113512160" sldId="333"/>
            <ac:picMk id="13" creationId="{45A915F0-8EF0-B358-FE03-ECD1B3C266C9}"/>
          </ac:picMkLst>
        </pc:picChg>
      </pc:sldChg>
      <pc:sldChg chg="new del">
        <pc:chgData name="Ilham Timimi" userId="fb573b2d-6039-489c-a6a3-4841286e457d" providerId="ADAL" clId="{FF867E78-C14F-4C47-9EBE-4B061190E2D0}" dt="2024-07-18T08:31:23.838" v="2312" actId="47"/>
        <pc:sldMkLst>
          <pc:docMk/>
          <pc:sldMk cId="730363628" sldId="334"/>
        </pc:sldMkLst>
      </pc:sldChg>
      <pc:sldChg chg="new del">
        <pc:chgData name="Ilham Timimi" userId="fb573b2d-6039-489c-a6a3-4841286e457d" providerId="ADAL" clId="{FF867E78-C14F-4C47-9EBE-4B061190E2D0}" dt="2024-07-18T08:31:39.812" v="2317" actId="47"/>
        <pc:sldMkLst>
          <pc:docMk/>
          <pc:sldMk cId="1193446372" sldId="334"/>
        </pc:sldMkLst>
      </pc:sldChg>
      <pc:sldChg chg="new del">
        <pc:chgData name="Ilham Timimi" userId="fb573b2d-6039-489c-a6a3-4841286e457d" providerId="ADAL" clId="{FF867E78-C14F-4C47-9EBE-4B061190E2D0}" dt="2024-07-18T08:31:51.917" v="2318" actId="47"/>
        <pc:sldMkLst>
          <pc:docMk/>
          <pc:sldMk cId="303289736" sldId="335"/>
        </pc:sldMkLst>
      </pc:sldChg>
      <pc:sldChg chg="new del">
        <pc:chgData name="Ilham Timimi" userId="fb573b2d-6039-489c-a6a3-4841286e457d" providerId="ADAL" clId="{FF867E78-C14F-4C47-9EBE-4B061190E2D0}" dt="2024-07-18T08:31:26.594" v="2313" actId="47"/>
        <pc:sldMkLst>
          <pc:docMk/>
          <pc:sldMk cId="3259584280" sldId="335"/>
        </pc:sldMkLst>
      </pc:sldChg>
      <pc:sldChg chg="addSp delSp modSp new mod modClrScheme chgLayout modNotesTx">
        <pc:chgData name="Ilham Timimi" userId="fb573b2d-6039-489c-a6a3-4841286e457d" providerId="ADAL" clId="{FF867E78-C14F-4C47-9EBE-4B061190E2D0}" dt="2024-07-30T06:22:02.315" v="9760"/>
        <pc:sldMkLst>
          <pc:docMk/>
          <pc:sldMk cId="2524473594" sldId="336"/>
        </pc:sldMkLst>
        <pc:spChg chg="mod">
          <ac:chgData name="Ilham Timimi" userId="fb573b2d-6039-489c-a6a3-4841286e457d" providerId="ADAL" clId="{FF867E78-C14F-4C47-9EBE-4B061190E2D0}" dt="2024-07-30T06:21:09.094" v="9759" actId="26606"/>
          <ac:spMkLst>
            <pc:docMk/>
            <pc:sldMk cId="2524473594" sldId="336"/>
            <ac:spMk id="2" creationId="{D4D646CB-5A48-EC3B-4890-FA5AFB82BC2D}"/>
          </ac:spMkLst>
        </pc:spChg>
        <pc:spChg chg="mod">
          <ac:chgData name="Ilham Timimi" userId="fb573b2d-6039-489c-a6a3-4841286e457d" providerId="ADAL" clId="{FF867E78-C14F-4C47-9EBE-4B061190E2D0}" dt="2024-07-30T06:21:09.094" v="9759" actId="26606"/>
          <ac:spMkLst>
            <pc:docMk/>
            <pc:sldMk cId="2524473594" sldId="336"/>
            <ac:spMk id="3" creationId="{D0E2A0CA-BB77-DE38-918F-74ADD3DB1543}"/>
          </ac:spMkLst>
        </pc:spChg>
        <pc:spChg chg="mod ord">
          <ac:chgData name="Ilham Timimi" userId="fb573b2d-6039-489c-a6a3-4841286e457d" providerId="ADAL" clId="{FF867E78-C14F-4C47-9EBE-4B061190E2D0}" dt="2024-07-30T06:21:09.094" v="9759" actId="26606"/>
          <ac:spMkLst>
            <pc:docMk/>
            <pc:sldMk cId="2524473594" sldId="336"/>
            <ac:spMk id="4" creationId="{32AC2731-49DA-AF55-0EBA-BE4BF936EFB9}"/>
          </ac:spMkLst>
        </pc:spChg>
        <pc:spChg chg="add del">
          <ac:chgData name="Ilham Timimi" userId="fb573b2d-6039-489c-a6a3-4841286e457d" providerId="ADAL" clId="{FF867E78-C14F-4C47-9EBE-4B061190E2D0}" dt="2024-07-30T06:19:10.797" v="9734" actId="931"/>
          <ac:spMkLst>
            <pc:docMk/>
            <pc:sldMk cId="2524473594" sldId="336"/>
            <ac:spMk id="5" creationId="{23471FD2-2B2C-F296-A1BE-A151306CD37E}"/>
          </ac:spMkLst>
        </pc:spChg>
        <pc:spChg chg="mod">
          <ac:chgData name="Ilham Timimi" userId="fb573b2d-6039-489c-a6a3-4841286e457d" providerId="ADAL" clId="{FF867E78-C14F-4C47-9EBE-4B061190E2D0}" dt="2024-07-30T06:21:09.094" v="9759" actId="26606"/>
          <ac:spMkLst>
            <pc:docMk/>
            <pc:sldMk cId="2524473594" sldId="336"/>
            <ac:spMk id="6" creationId="{25AF9301-A9CC-BEB5-1E0E-B0DD125EBBB2}"/>
          </ac:spMkLst>
        </pc:spChg>
        <pc:spChg chg="add del mod">
          <ac:chgData name="Ilham Timimi" userId="fb573b2d-6039-489c-a6a3-4841286e457d" providerId="ADAL" clId="{FF867E78-C14F-4C47-9EBE-4B061190E2D0}" dt="2024-07-30T06:20:37.906" v="9753" actId="26606"/>
          <ac:spMkLst>
            <pc:docMk/>
            <pc:sldMk cId="2524473594" sldId="336"/>
            <ac:spMk id="13" creationId="{5FABF73D-A5C2-71AF-522C-34F035241A5F}"/>
          </ac:spMkLst>
        </pc:spChg>
        <pc:spChg chg="add del mod">
          <ac:chgData name="Ilham Timimi" userId="fb573b2d-6039-489c-a6a3-4841286e457d" providerId="ADAL" clId="{FF867E78-C14F-4C47-9EBE-4B061190E2D0}" dt="2024-07-30T06:20:45.900" v="9754" actId="931"/>
          <ac:spMkLst>
            <pc:docMk/>
            <pc:sldMk cId="2524473594" sldId="336"/>
            <ac:spMk id="18" creationId="{55DD11A5-BA95-61D4-6FD5-D142E4A9438F}"/>
          </ac:spMkLst>
        </pc:spChg>
        <pc:picChg chg="add mod">
          <ac:chgData name="Ilham Timimi" userId="fb573b2d-6039-489c-a6a3-4841286e457d" providerId="ADAL" clId="{FF867E78-C14F-4C47-9EBE-4B061190E2D0}" dt="2024-07-30T06:18:30.894" v="9728" actId="931"/>
          <ac:picMkLst>
            <pc:docMk/>
            <pc:sldMk cId="2524473594" sldId="336"/>
            <ac:picMk id="8" creationId="{362B2F95-5F42-C6C0-43BB-1808F405AE20}"/>
          </ac:picMkLst>
        </pc:picChg>
        <pc:picChg chg="add mod">
          <ac:chgData name="Ilham Timimi" userId="fb573b2d-6039-489c-a6a3-4841286e457d" providerId="ADAL" clId="{FF867E78-C14F-4C47-9EBE-4B061190E2D0}" dt="2024-07-30T06:18:58.417" v="9733" actId="931"/>
          <ac:picMkLst>
            <pc:docMk/>
            <pc:sldMk cId="2524473594" sldId="336"/>
            <ac:picMk id="10" creationId="{E91931B7-36C6-3B8A-5FE1-E43513DBDEB2}"/>
          </ac:picMkLst>
        </pc:picChg>
        <pc:picChg chg="add del mod ord">
          <ac:chgData name="Ilham Timimi" userId="fb573b2d-6039-489c-a6a3-4841286e457d" providerId="ADAL" clId="{FF867E78-C14F-4C47-9EBE-4B061190E2D0}" dt="2024-07-30T06:20:31.458" v="9752" actId="478"/>
          <ac:picMkLst>
            <pc:docMk/>
            <pc:sldMk cId="2524473594" sldId="336"/>
            <ac:picMk id="12" creationId="{4D9B1603-62CE-CC8F-DB54-60D8901DD636}"/>
          </ac:picMkLst>
        </pc:picChg>
        <pc:picChg chg="add mod">
          <ac:chgData name="Ilham Timimi" userId="fb573b2d-6039-489c-a6a3-4841286e457d" providerId="ADAL" clId="{FF867E78-C14F-4C47-9EBE-4B061190E2D0}" dt="2024-07-30T06:22:02.315" v="9760"/>
          <ac:picMkLst>
            <pc:docMk/>
            <pc:sldMk cId="2524473594" sldId="336"/>
            <ac:picMk id="15" creationId="{596E27D4-8BC5-F5B9-539C-1BA0AE45CB0B}"/>
          </ac:picMkLst>
        </pc:picChg>
      </pc:sldChg>
      <pc:sldChg chg="addSp delSp modSp new mod ord modNotesTx">
        <pc:chgData name="Ilham Timimi" userId="fb573b2d-6039-489c-a6a3-4841286e457d" providerId="ADAL" clId="{FF867E78-C14F-4C47-9EBE-4B061190E2D0}" dt="2024-07-30T06:22:36.402" v="9762" actId="14100"/>
        <pc:sldMkLst>
          <pc:docMk/>
          <pc:sldMk cId="4208300427" sldId="337"/>
        </pc:sldMkLst>
        <pc:spChg chg="mod">
          <ac:chgData name="Ilham Timimi" userId="fb573b2d-6039-489c-a6a3-4841286e457d" providerId="ADAL" clId="{FF867E78-C14F-4C47-9EBE-4B061190E2D0}" dt="2024-07-29T10:37:55.030" v="7443" actId="20577"/>
          <ac:spMkLst>
            <pc:docMk/>
            <pc:sldMk cId="4208300427" sldId="337"/>
            <ac:spMk id="2" creationId="{4B54C926-FCB6-52FC-5895-BC66E482D88A}"/>
          </ac:spMkLst>
        </pc:spChg>
        <pc:spChg chg="mod">
          <ac:chgData name="Ilham Timimi" userId="fb573b2d-6039-489c-a6a3-4841286e457d" providerId="ADAL" clId="{FF867E78-C14F-4C47-9EBE-4B061190E2D0}" dt="2024-07-18T09:39:30.047" v="3625" actId="20577"/>
          <ac:spMkLst>
            <pc:docMk/>
            <pc:sldMk cId="4208300427" sldId="337"/>
            <ac:spMk id="3" creationId="{6ADAD318-5727-9B39-7D2C-685531EA9F68}"/>
          </ac:spMkLst>
        </pc:spChg>
        <pc:spChg chg="del mod">
          <ac:chgData name="Ilham Timimi" userId="fb573b2d-6039-489c-a6a3-4841286e457d" providerId="ADAL" clId="{FF867E78-C14F-4C47-9EBE-4B061190E2D0}" dt="2024-07-29T11:08:03.045" v="8064" actId="478"/>
          <ac:spMkLst>
            <pc:docMk/>
            <pc:sldMk cId="4208300427" sldId="337"/>
            <ac:spMk id="4" creationId="{2A112788-B028-6EB7-A8D3-24FACD2B67E5}"/>
          </ac:spMkLst>
        </pc:spChg>
        <pc:spChg chg="mod">
          <ac:chgData name="Ilham Timimi" userId="fb573b2d-6039-489c-a6a3-4841286e457d" providerId="ADAL" clId="{FF867E78-C14F-4C47-9EBE-4B061190E2D0}" dt="2024-07-30T06:22:36.402" v="9762" actId="14100"/>
          <ac:spMkLst>
            <pc:docMk/>
            <pc:sldMk cId="4208300427" sldId="337"/>
            <ac:spMk id="5" creationId="{82BC32E2-83AE-57B5-8439-A1D4DAF6B98E}"/>
          </ac:spMkLst>
        </pc:spChg>
        <pc:spChg chg="add del mod">
          <ac:chgData name="Ilham Timimi" userId="fb573b2d-6039-489c-a6a3-4841286e457d" providerId="ADAL" clId="{FF867E78-C14F-4C47-9EBE-4B061190E2D0}" dt="2024-07-29T11:08:07.046" v="8065" actId="478"/>
          <ac:spMkLst>
            <pc:docMk/>
            <pc:sldMk cId="4208300427" sldId="337"/>
            <ac:spMk id="7" creationId="{BDFD78F3-6CC0-A713-FF1D-1AFC69D671A5}"/>
          </ac:spMkLst>
        </pc:spChg>
      </pc:sldChg>
      <pc:sldChg chg="modSp new mod">
        <pc:chgData name="Ilham Timimi" userId="fb573b2d-6039-489c-a6a3-4841286e457d" providerId="ADAL" clId="{FF867E78-C14F-4C47-9EBE-4B061190E2D0}" dt="2024-07-29T12:46:30.760" v="9617" actId="20577"/>
        <pc:sldMkLst>
          <pc:docMk/>
          <pc:sldMk cId="2337100518" sldId="338"/>
        </pc:sldMkLst>
        <pc:spChg chg="mod">
          <ac:chgData name="Ilham Timimi" userId="fb573b2d-6039-489c-a6a3-4841286e457d" providerId="ADAL" clId="{FF867E78-C14F-4C47-9EBE-4B061190E2D0}" dt="2024-07-29T12:46:30.760" v="9617" actId="20577"/>
          <ac:spMkLst>
            <pc:docMk/>
            <pc:sldMk cId="2337100518" sldId="338"/>
            <ac:spMk id="4" creationId="{8B18C13E-1F0E-C2A4-4081-40C935DAF22D}"/>
          </ac:spMkLst>
        </pc:spChg>
      </pc:sldChg>
      <pc:sldChg chg="modSp new mod ord">
        <pc:chgData name="Ilham Timimi" userId="fb573b2d-6039-489c-a6a3-4841286e457d" providerId="ADAL" clId="{FF867E78-C14F-4C47-9EBE-4B061190E2D0}" dt="2024-07-29T12:04:49.333" v="8774"/>
        <pc:sldMkLst>
          <pc:docMk/>
          <pc:sldMk cId="1949360252" sldId="339"/>
        </pc:sldMkLst>
        <pc:spChg chg="mod">
          <ac:chgData name="Ilham Timimi" userId="fb573b2d-6039-489c-a6a3-4841286e457d" providerId="ADAL" clId="{FF867E78-C14F-4C47-9EBE-4B061190E2D0}" dt="2024-07-29T10:46:09.588" v="7480"/>
          <ac:spMkLst>
            <pc:docMk/>
            <pc:sldMk cId="1949360252" sldId="339"/>
            <ac:spMk id="3" creationId="{57D83569-E2B0-C00C-2386-2C763423B822}"/>
          </ac:spMkLst>
        </pc:spChg>
        <pc:spChg chg="mod">
          <ac:chgData name="Ilham Timimi" userId="fb573b2d-6039-489c-a6a3-4841286e457d" providerId="ADAL" clId="{FF867E78-C14F-4C47-9EBE-4B061190E2D0}" dt="2024-07-29T12:04:10.380" v="8772" actId="404"/>
          <ac:spMkLst>
            <pc:docMk/>
            <pc:sldMk cId="1949360252" sldId="339"/>
            <ac:spMk id="4" creationId="{3088E007-1818-6C6E-E9A7-39F3D1BA8052}"/>
          </ac:spMkLst>
        </pc:spChg>
      </pc:sldChg>
      <pc:sldChg chg="addSp delSp modSp new mod ord modNotesTx">
        <pc:chgData name="Ilham Timimi" userId="fb573b2d-6039-489c-a6a3-4841286e457d" providerId="ADAL" clId="{FF867E78-C14F-4C47-9EBE-4B061190E2D0}" dt="2024-07-30T10:01:51.157" v="13315"/>
        <pc:sldMkLst>
          <pc:docMk/>
          <pc:sldMk cId="3390788502" sldId="340"/>
        </pc:sldMkLst>
        <pc:spChg chg="mod">
          <ac:chgData name="Ilham Timimi" userId="fb573b2d-6039-489c-a6a3-4841286e457d" providerId="ADAL" clId="{FF867E78-C14F-4C47-9EBE-4B061190E2D0}" dt="2024-07-29T12:45:32.411" v="9605"/>
          <ac:spMkLst>
            <pc:docMk/>
            <pc:sldMk cId="3390788502" sldId="340"/>
            <ac:spMk id="3" creationId="{2CAFA0D5-8AF5-1ABE-173D-2E355B7B12EB}"/>
          </ac:spMkLst>
        </pc:spChg>
        <pc:spChg chg="mod">
          <ac:chgData name="Ilham Timimi" userId="fb573b2d-6039-489c-a6a3-4841286e457d" providerId="ADAL" clId="{FF867E78-C14F-4C47-9EBE-4B061190E2D0}" dt="2024-07-30T10:00:54.951" v="13314" actId="255"/>
          <ac:spMkLst>
            <pc:docMk/>
            <pc:sldMk cId="3390788502" sldId="340"/>
            <ac:spMk id="4" creationId="{C7ECC16C-A77D-9FA2-7E04-2C13DF597FBB}"/>
          </ac:spMkLst>
        </pc:spChg>
        <pc:spChg chg="add del">
          <ac:chgData name="Ilham Timimi" userId="fb573b2d-6039-489c-a6a3-4841286e457d" providerId="ADAL" clId="{FF867E78-C14F-4C47-9EBE-4B061190E2D0}" dt="2024-07-30T10:00:11.221" v="13306" actId="22"/>
          <ac:spMkLst>
            <pc:docMk/>
            <pc:sldMk cId="3390788502" sldId="340"/>
            <ac:spMk id="7" creationId="{6E810DC0-AB14-828F-FCE2-5F74BF4A9F49}"/>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563687BE-E0FD-6148-80CD-BD7B4B1E92F4}"/>
              </a:ext>
            </a:extLst>
          </p:cNvPr>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A8E31E33-4A29-CBA7-7112-8FD018AD8BB9}"/>
              </a:ext>
            </a:extLst>
          </p:cNvPr>
          <p:cNvSpPr>
            <a:spLocks noGrp="1"/>
          </p:cNvSpPr>
          <p:nvPr>
            <p:ph type="dt" sz="quarter" idx="1"/>
          </p:nvPr>
        </p:nvSpPr>
        <p:spPr>
          <a:xfrm>
            <a:off x="3854939" y="0"/>
            <a:ext cx="2949099" cy="498932"/>
          </a:xfrm>
          <a:prstGeom prst="rect">
            <a:avLst/>
          </a:prstGeom>
        </p:spPr>
        <p:txBody>
          <a:bodyPr vert="horz" lIns="91440" tIns="45720" rIns="91440" bIns="45720" rtlCol="0"/>
          <a:lstStyle>
            <a:lvl1pPr algn="r">
              <a:defRPr sz="1200"/>
            </a:lvl1pPr>
          </a:lstStyle>
          <a:p>
            <a:fld id="{25120F88-8DD4-4125-AC5B-C528B80746FC}" type="datetimeFigureOut">
              <a:rPr lang="da-DK" smtClean="0"/>
              <a:t>19-09-2024</a:t>
            </a:fld>
            <a:endParaRPr lang="da-DK"/>
          </a:p>
        </p:txBody>
      </p:sp>
      <p:sp>
        <p:nvSpPr>
          <p:cNvPr id="4" name="Pladsholder til sidefod 3">
            <a:extLst>
              <a:ext uri="{FF2B5EF4-FFF2-40B4-BE49-F238E27FC236}">
                <a16:creationId xmlns:a16="http://schemas.microsoft.com/office/drawing/2014/main" id="{E7942CED-6688-078E-4F24-D90B2A2BBA7C}"/>
              </a:ext>
            </a:extLst>
          </p:cNvPr>
          <p:cNvSpPr>
            <a:spLocks noGrp="1"/>
          </p:cNvSpPr>
          <p:nvPr>
            <p:ph type="ftr" sz="quarter" idx="2"/>
          </p:nvPr>
        </p:nvSpPr>
        <p:spPr>
          <a:xfrm>
            <a:off x="0" y="9445170"/>
            <a:ext cx="2949099" cy="498931"/>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B7979384-7051-72CD-A1C5-898262C371C8}"/>
              </a:ext>
            </a:extLst>
          </p:cNvPr>
          <p:cNvSpPr>
            <a:spLocks noGrp="1"/>
          </p:cNvSpPr>
          <p:nvPr>
            <p:ph type="sldNum" sz="quarter" idx="3"/>
          </p:nvPr>
        </p:nvSpPr>
        <p:spPr>
          <a:xfrm>
            <a:off x="3854939" y="9445170"/>
            <a:ext cx="2949099" cy="498931"/>
          </a:xfrm>
          <a:prstGeom prst="rect">
            <a:avLst/>
          </a:prstGeom>
        </p:spPr>
        <p:txBody>
          <a:bodyPr vert="horz" lIns="91440" tIns="45720" rIns="91440" bIns="45720" rtlCol="0" anchor="b"/>
          <a:lstStyle>
            <a:lvl1pPr algn="r">
              <a:defRPr sz="1200"/>
            </a:lvl1pPr>
          </a:lstStyle>
          <a:p>
            <a:fld id="{5A49F800-EAB2-47F2-9769-04870CCDD5C9}" type="slidenum">
              <a:rPr lang="da-DK" smtClean="0"/>
              <a:t>‹nr.›</a:t>
            </a:fld>
            <a:endParaRPr lang="da-DK"/>
          </a:p>
        </p:txBody>
      </p:sp>
    </p:spTree>
    <p:extLst>
      <p:ext uri="{BB962C8B-B14F-4D97-AF65-F5344CB8AC3E}">
        <p14:creationId xmlns:p14="http://schemas.microsoft.com/office/powerpoint/2010/main" val="288873730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200"/>
            </a:lvl1pPr>
          </a:lstStyle>
          <a:p>
            <a:fld id="{E2D17259-1195-4AC7-9944-F3144295731C}" type="datetimeFigureOut">
              <a:rPr lang="da-DK" smtClean="0"/>
              <a:t>19-09-2024</a:t>
            </a:fld>
            <a:endParaRPr lang="da-DK"/>
          </a:p>
        </p:txBody>
      </p:sp>
      <p:sp>
        <p:nvSpPr>
          <p:cNvPr id="4" name="Pladsholder til slidebillede 3"/>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200"/>
            </a:lvl1pPr>
          </a:lstStyle>
          <a:p>
            <a:fld id="{509E5432-94BC-492C-BD45-FA775B1F41A2}" type="slidenum">
              <a:rPr lang="da-DK" smtClean="0"/>
              <a:t>‹nr.›</a:t>
            </a:fld>
            <a:endParaRPr lang="da-DK"/>
          </a:p>
        </p:txBody>
      </p:sp>
    </p:spTree>
    <p:extLst>
      <p:ext uri="{BB962C8B-B14F-4D97-AF65-F5344CB8AC3E}">
        <p14:creationId xmlns:p14="http://schemas.microsoft.com/office/powerpoint/2010/main" val="254627927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4</a:t>
            </a:fld>
            <a:endParaRPr lang="da-DK"/>
          </a:p>
        </p:txBody>
      </p:sp>
    </p:spTree>
    <p:extLst>
      <p:ext uri="{BB962C8B-B14F-4D97-AF65-F5344CB8AC3E}">
        <p14:creationId xmlns:p14="http://schemas.microsoft.com/office/powerpoint/2010/main" val="403352794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6</a:t>
            </a:fld>
            <a:endParaRPr lang="da-DK"/>
          </a:p>
        </p:txBody>
      </p:sp>
    </p:spTree>
    <p:extLst>
      <p:ext uri="{BB962C8B-B14F-4D97-AF65-F5344CB8AC3E}">
        <p14:creationId xmlns:p14="http://schemas.microsoft.com/office/powerpoint/2010/main" val="167117390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7</a:t>
            </a:fld>
            <a:endParaRPr lang="da-DK"/>
          </a:p>
        </p:txBody>
      </p:sp>
    </p:spTree>
    <p:extLst>
      <p:ext uri="{BB962C8B-B14F-4D97-AF65-F5344CB8AC3E}">
        <p14:creationId xmlns:p14="http://schemas.microsoft.com/office/powerpoint/2010/main" val="371862853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8</a:t>
            </a:fld>
            <a:endParaRPr lang="da-DK"/>
          </a:p>
        </p:txBody>
      </p:sp>
    </p:spTree>
    <p:extLst>
      <p:ext uri="{BB962C8B-B14F-4D97-AF65-F5344CB8AC3E}">
        <p14:creationId xmlns:p14="http://schemas.microsoft.com/office/powerpoint/2010/main" val="16577390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dirty="0"/>
          </a:p>
        </p:txBody>
      </p:sp>
      <p:sp>
        <p:nvSpPr>
          <p:cNvPr id="4" name="Pladsholder til slidenummer 3"/>
          <p:cNvSpPr>
            <a:spLocks noGrp="1"/>
          </p:cNvSpPr>
          <p:nvPr>
            <p:ph type="sldNum" sz="quarter" idx="5"/>
          </p:nvPr>
        </p:nvSpPr>
        <p:spPr/>
        <p:txBody>
          <a:bodyPr/>
          <a:lstStyle/>
          <a:p>
            <a:fld id="{509E5432-94BC-492C-BD45-FA775B1F41A2}" type="slidenum">
              <a:rPr lang="da-DK" smtClean="0"/>
              <a:t>19</a:t>
            </a:fld>
            <a:endParaRPr lang="da-DK"/>
          </a:p>
        </p:txBody>
      </p:sp>
    </p:spTree>
    <p:extLst>
      <p:ext uri="{BB962C8B-B14F-4D97-AF65-F5344CB8AC3E}">
        <p14:creationId xmlns:p14="http://schemas.microsoft.com/office/powerpoint/2010/main" val="337088148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20</a:t>
            </a:fld>
            <a:endParaRPr lang="da-DK"/>
          </a:p>
        </p:txBody>
      </p:sp>
    </p:spTree>
    <p:extLst>
      <p:ext uri="{BB962C8B-B14F-4D97-AF65-F5344CB8AC3E}">
        <p14:creationId xmlns:p14="http://schemas.microsoft.com/office/powerpoint/2010/main" val="147479512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22</a:t>
            </a:fld>
            <a:endParaRPr lang="da-DK"/>
          </a:p>
        </p:txBody>
      </p:sp>
    </p:spTree>
    <p:extLst>
      <p:ext uri="{BB962C8B-B14F-4D97-AF65-F5344CB8AC3E}">
        <p14:creationId xmlns:p14="http://schemas.microsoft.com/office/powerpoint/2010/main" val="29405473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6</a:t>
            </a:fld>
            <a:endParaRPr lang="da-DK"/>
          </a:p>
        </p:txBody>
      </p:sp>
    </p:spTree>
    <p:extLst>
      <p:ext uri="{BB962C8B-B14F-4D97-AF65-F5344CB8AC3E}">
        <p14:creationId xmlns:p14="http://schemas.microsoft.com/office/powerpoint/2010/main" val="405128057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7</a:t>
            </a:fld>
            <a:endParaRPr lang="da-DK"/>
          </a:p>
        </p:txBody>
      </p:sp>
    </p:spTree>
    <p:extLst>
      <p:ext uri="{BB962C8B-B14F-4D97-AF65-F5344CB8AC3E}">
        <p14:creationId xmlns:p14="http://schemas.microsoft.com/office/powerpoint/2010/main" val="294530120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8</a:t>
            </a:fld>
            <a:endParaRPr lang="da-DK"/>
          </a:p>
        </p:txBody>
      </p:sp>
    </p:spTree>
    <p:extLst>
      <p:ext uri="{BB962C8B-B14F-4D97-AF65-F5344CB8AC3E}">
        <p14:creationId xmlns:p14="http://schemas.microsoft.com/office/powerpoint/2010/main" val="318667056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latin typeface="+mn-lt"/>
            </a:endParaRPr>
          </a:p>
        </p:txBody>
      </p:sp>
      <p:sp>
        <p:nvSpPr>
          <p:cNvPr id="4" name="Pladsholder til slidenummer 3"/>
          <p:cNvSpPr>
            <a:spLocks noGrp="1"/>
          </p:cNvSpPr>
          <p:nvPr>
            <p:ph type="sldNum" sz="quarter" idx="5"/>
          </p:nvPr>
        </p:nvSpPr>
        <p:spPr/>
        <p:txBody>
          <a:bodyPr/>
          <a:lstStyle/>
          <a:p>
            <a:fld id="{509E5432-94BC-492C-BD45-FA775B1F41A2}" type="slidenum">
              <a:rPr lang="da-DK" smtClean="0"/>
              <a:t>9</a:t>
            </a:fld>
            <a:endParaRPr lang="da-DK"/>
          </a:p>
        </p:txBody>
      </p:sp>
    </p:spTree>
    <p:extLst>
      <p:ext uri="{BB962C8B-B14F-4D97-AF65-F5344CB8AC3E}">
        <p14:creationId xmlns:p14="http://schemas.microsoft.com/office/powerpoint/2010/main" val="234197773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1</a:t>
            </a:fld>
            <a:endParaRPr lang="da-DK"/>
          </a:p>
        </p:txBody>
      </p:sp>
    </p:spTree>
    <p:extLst>
      <p:ext uri="{BB962C8B-B14F-4D97-AF65-F5344CB8AC3E}">
        <p14:creationId xmlns:p14="http://schemas.microsoft.com/office/powerpoint/2010/main" val="16733023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2</a:t>
            </a:fld>
            <a:endParaRPr lang="da-DK"/>
          </a:p>
        </p:txBody>
      </p:sp>
    </p:spTree>
    <p:extLst>
      <p:ext uri="{BB962C8B-B14F-4D97-AF65-F5344CB8AC3E}">
        <p14:creationId xmlns:p14="http://schemas.microsoft.com/office/powerpoint/2010/main" val="111553330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4</a:t>
            </a:fld>
            <a:endParaRPr lang="da-DK"/>
          </a:p>
        </p:txBody>
      </p:sp>
    </p:spTree>
    <p:extLst>
      <p:ext uri="{BB962C8B-B14F-4D97-AF65-F5344CB8AC3E}">
        <p14:creationId xmlns:p14="http://schemas.microsoft.com/office/powerpoint/2010/main" val="81967309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509E5432-94BC-492C-BD45-FA775B1F41A2}" type="slidenum">
              <a:rPr lang="da-DK" smtClean="0"/>
              <a:t>15</a:t>
            </a:fld>
            <a:endParaRPr lang="da-DK"/>
          </a:p>
        </p:txBody>
      </p:sp>
    </p:spTree>
    <p:extLst>
      <p:ext uri="{BB962C8B-B14F-4D97-AF65-F5344CB8AC3E}">
        <p14:creationId xmlns:p14="http://schemas.microsoft.com/office/powerpoint/2010/main" val="165023573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84"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83" y="3019692"/>
            <a:ext cx="12215813" cy="4009708"/>
          </a:xfrm>
        </p:spPr>
        <p:txBody>
          <a:bodyPr tIns="972000"/>
          <a:lstStyle>
            <a:lvl1pPr marL="0" indent="0" algn="ctr">
              <a:buNone/>
              <a:defRPr sz="23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696" b="1" spc="-100" baseline="0">
                <a:solidFill>
                  <a:schemeClr val="accent1"/>
                </a:solidFill>
                <a:latin typeface="+mj-lt"/>
              </a:defRPr>
            </a:lvl1pPr>
          </a:lstStyle>
          <a:p>
            <a:r>
              <a:rPr lang="da-DK"/>
              <a:t>Klik for at tilføje Titel </a:t>
            </a:r>
            <a:br>
              <a:rPr lang="da-DK"/>
            </a:br>
            <a:r>
              <a:rPr lang="da-DK" noProof="0"/>
              <a:t>–</a:t>
            </a:r>
            <a:r>
              <a:rPr lang="da-DK"/>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1998" b="1"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fsender / Dato / Arrangement</a:t>
            </a:r>
            <a:br>
              <a:rPr lang="da-DK"/>
            </a:br>
            <a:r>
              <a:rPr lang="da-DK" noProof="0"/>
              <a:t>–</a:t>
            </a:r>
            <a:r>
              <a:rPr lang="da-DK"/>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20" y="2533406"/>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26370479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ide F - 2 spalter m/overskift">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88" y="816178"/>
            <a:ext cx="1151132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68" y="1980048"/>
            <a:ext cx="5579998" cy="456931"/>
          </a:xfrm>
        </p:spPr>
        <p:txBody>
          <a:bodyPr/>
          <a:lstStyle>
            <a:lvl1pPr marL="35927" indent="0">
              <a:lnSpc>
                <a:spcPct val="100000"/>
              </a:lnSpc>
              <a:buFontTx/>
              <a:buNone/>
              <a:defRPr lang="da-DK" sz="1997" b="1" dirty="0">
                <a:solidFill>
                  <a:schemeClr val="tx1"/>
                </a:solidFill>
                <a:latin typeface="+mn-lt"/>
                <a:ea typeface="+mn-ea"/>
                <a:cs typeface="Arial" pitchFamily="34" charset="0"/>
              </a:defRPr>
            </a:lvl1pPr>
            <a:lvl2pPr marL="646689" indent="0">
              <a:buNone/>
              <a:defRPr/>
            </a:lvl2pPr>
          </a:lstStyle>
          <a:p>
            <a:pPr lvl="0"/>
            <a:r>
              <a:rPr lang="en-US"/>
              <a:t>K</a:t>
            </a:r>
            <a:r>
              <a:rPr lang="da-DK"/>
              <a:t>lik for at tilføje Beskrivelse</a:t>
            </a:r>
          </a:p>
        </p:txBody>
      </p:sp>
      <p:sp>
        <p:nvSpPr>
          <p:cNvPr id="10" name="Content Placeholder 3">
            <a:extLst>
              <a:ext uri="{FF2B5EF4-FFF2-40B4-BE49-F238E27FC236}">
                <a16:creationId xmlns:a16="http://schemas.microsoft.com/office/drawing/2014/main" id="{ABA0DEE0-368A-2251-075E-85F565706F36}"/>
              </a:ext>
            </a:extLst>
          </p:cNvPr>
          <p:cNvSpPr>
            <a:spLocks noGrp="1"/>
          </p:cNvSpPr>
          <p:nvPr>
            <p:ph sz="quarter" idx="21" hasCustomPrompt="1"/>
          </p:nvPr>
        </p:nvSpPr>
        <p:spPr>
          <a:xfrm>
            <a:off x="337871" y="2611671"/>
            <a:ext cx="5580000" cy="390342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3" name="Pladsholder til tekst 6">
            <a:extLst>
              <a:ext uri="{FF2B5EF4-FFF2-40B4-BE49-F238E27FC236}">
                <a16:creationId xmlns:a16="http://schemas.microsoft.com/office/drawing/2014/main" id="{2DDED442-6643-6459-33BC-59BBA262E709}"/>
              </a:ext>
            </a:extLst>
          </p:cNvPr>
          <p:cNvSpPr>
            <a:spLocks noGrp="1"/>
          </p:cNvSpPr>
          <p:nvPr>
            <p:ph type="body" sz="quarter" idx="28" hasCustomPrompt="1"/>
          </p:nvPr>
        </p:nvSpPr>
        <p:spPr>
          <a:xfrm>
            <a:off x="6269560" y="1980048"/>
            <a:ext cx="5578847" cy="456931"/>
          </a:xfrm>
        </p:spPr>
        <p:txBody>
          <a:bodyPr/>
          <a:lstStyle>
            <a:lvl1pPr marL="35927" indent="0">
              <a:lnSpc>
                <a:spcPct val="100000"/>
              </a:lnSpc>
              <a:buFontTx/>
              <a:buNone/>
              <a:defRPr lang="da-DK" sz="1997" b="1" dirty="0">
                <a:solidFill>
                  <a:schemeClr val="tx1"/>
                </a:solidFill>
                <a:latin typeface="+mn-lt"/>
                <a:ea typeface="+mn-ea"/>
                <a:cs typeface="Arial" pitchFamily="34" charset="0"/>
              </a:defRPr>
            </a:lvl1pPr>
            <a:lvl2pPr marL="646689" indent="0">
              <a:buNone/>
              <a:defRPr/>
            </a:lvl2pPr>
          </a:lstStyle>
          <a:p>
            <a:pPr marL="35927" lvl="0" indent="0" algn="l" rtl="0" eaLnBrk="1" fontAlgn="base" hangingPunct="1">
              <a:lnSpc>
                <a:spcPct val="100000"/>
              </a:lnSpc>
              <a:spcBef>
                <a:spcPts val="598"/>
              </a:spcBef>
              <a:spcAft>
                <a:spcPts val="598"/>
              </a:spcAft>
              <a:buSzPct val="100000"/>
              <a:buFontTx/>
              <a:buNone/>
            </a:pPr>
            <a:r>
              <a:rPr lang="en-US"/>
              <a:t>K</a:t>
            </a:r>
            <a:r>
              <a:rPr lang="da-DK"/>
              <a:t>lik for at tilføje Beskrivelse</a:t>
            </a:r>
          </a:p>
        </p:txBody>
      </p:sp>
      <p:sp>
        <p:nvSpPr>
          <p:cNvPr id="12" name="Content Placeholder 3">
            <a:extLst>
              <a:ext uri="{FF2B5EF4-FFF2-40B4-BE49-F238E27FC236}">
                <a16:creationId xmlns:a16="http://schemas.microsoft.com/office/drawing/2014/main" id="{C4332B3C-8262-404D-E0E1-439BDB55103F}"/>
              </a:ext>
            </a:extLst>
          </p:cNvPr>
          <p:cNvSpPr>
            <a:spLocks noGrp="1"/>
          </p:cNvSpPr>
          <p:nvPr>
            <p:ph sz="quarter" idx="22" hasCustomPrompt="1"/>
          </p:nvPr>
        </p:nvSpPr>
        <p:spPr>
          <a:xfrm>
            <a:off x="6269566" y="2601879"/>
            <a:ext cx="5580000" cy="390342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spTree>
    <p:extLst>
      <p:ext uri="{BB962C8B-B14F-4D97-AF65-F5344CB8AC3E}">
        <p14:creationId xmlns:p14="http://schemas.microsoft.com/office/powerpoint/2010/main" val="34313670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ide G - 2 spalter m/beskrivelse under">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93" y="816178"/>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4" name="Content Placeholder 3">
            <a:extLst>
              <a:ext uri="{FF2B5EF4-FFF2-40B4-BE49-F238E27FC236}">
                <a16:creationId xmlns:a16="http://schemas.microsoft.com/office/drawing/2014/main" id="{2C428295-661F-BB40-4E81-167D57B66998}"/>
              </a:ext>
            </a:extLst>
          </p:cNvPr>
          <p:cNvSpPr>
            <a:spLocks noGrp="1"/>
          </p:cNvSpPr>
          <p:nvPr>
            <p:ph sz="quarter" idx="21" hasCustomPrompt="1"/>
          </p:nvPr>
        </p:nvSpPr>
        <p:spPr>
          <a:xfrm>
            <a:off x="337871" y="1980045"/>
            <a:ext cx="5580000" cy="3903427"/>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2" y="6048385"/>
            <a:ext cx="5579999" cy="456931"/>
          </a:xfrm>
        </p:spPr>
        <p:txBody>
          <a:bodyPr/>
          <a:lstStyle>
            <a:lvl1pPr marL="35927" indent="0">
              <a:lnSpc>
                <a:spcPct val="100000"/>
              </a:lnSpc>
              <a:buFontTx/>
              <a:buNone/>
              <a:defRPr sz="1499"/>
            </a:lvl1pPr>
            <a:lvl2pPr marL="646689" indent="0">
              <a:buNone/>
              <a:defRPr/>
            </a:lvl2pPr>
          </a:lstStyle>
          <a:p>
            <a:pPr lvl="0"/>
            <a:r>
              <a:rPr lang="en-US"/>
              <a:t>K</a:t>
            </a:r>
            <a:r>
              <a:rPr lang="da-DK"/>
              <a:t>lik for at tilføje Beskrivelse</a:t>
            </a:r>
          </a:p>
        </p:txBody>
      </p:sp>
      <p:sp>
        <p:nvSpPr>
          <p:cNvPr id="5" name="Content Placeholder 3">
            <a:extLst>
              <a:ext uri="{FF2B5EF4-FFF2-40B4-BE49-F238E27FC236}">
                <a16:creationId xmlns:a16="http://schemas.microsoft.com/office/drawing/2014/main" id="{34FE98C7-D333-CBF4-CA23-12BD2CC92F17}"/>
              </a:ext>
            </a:extLst>
          </p:cNvPr>
          <p:cNvSpPr>
            <a:spLocks noGrp="1"/>
          </p:cNvSpPr>
          <p:nvPr>
            <p:ph sz="quarter" idx="22" hasCustomPrompt="1"/>
          </p:nvPr>
        </p:nvSpPr>
        <p:spPr>
          <a:xfrm>
            <a:off x="6269566" y="1970247"/>
            <a:ext cx="5580000" cy="3906678"/>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0" name="Pladsholder til tekst 6">
            <a:extLst>
              <a:ext uri="{FF2B5EF4-FFF2-40B4-BE49-F238E27FC236}">
                <a16:creationId xmlns:a16="http://schemas.microsoft.com/office/drawing/2014/main" id="{87E2617E-0A77-B6A1-EE31-70AEF9372EE7}"/>
              </a:ext>
            </a:extLst>
          </p:cNvPr>
          <p:cNvSpPr>
            <a:spLocks noGrp="1"/>
          </p:cNvSpPr>
          <p:nvPr>
            <p:ph type="body" sz="quarter" idx="25" hasCustomPrompt="1"/>
          </p:nvPr>
        </p:nvSpPr>
        <p:spPr>
          <a:xfrm>
            <a:off x="6274136" y="6048385"/>
            <a:ext cx="5569994" cy="456931"/>
          </a:xfrm>
        </p:spPr>
        <p:txBody>
          <a:bodyPr/>
          <a:lstStyle>
            <a:lvl1pPr marL="35927" indent="0">
              <a:lnSpc>
                <a:spcPct val="100000"/>
              </a:lnSpc>
              <a:buFontTx/>
              <a:buNone/>
              <a:defRPr sz="1499"/>
            </a:lvl1pPr>
            <a:lvl2pPr marL="646689" indent="0">
              <a:buNone/>
              <a:defRPr/>
            </a:lvl2pPr>
          </a:lstStyle>
          <a:p>
            <a:pPr lvl="0"/>
            <a:r>
              <a:rPr lang="da-DK"/>
              <a:t>Klik for at tilføje Beskrivelse</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spTree>
    <p:extLst>
      <p:ext uri="{BB962C8B-B14F-4D97-AF65-F5344CB8AC3E}">
        <p14:creationId xmlns:p14="http://schemas.microsoft.com/office/powerpoint/2010/main" val="3950472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ide H - 2 spalter, bred+smal">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EAC2CA68-7653-F6C1-8572-B6E1E4C34E24}"/>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3" name="Title Placeholder 1">
            <a:extLst>
              <a:ext uri="{FF2B5EF4-FFF2-40B4-BE49-F238E27FC236}">
                <a16:creationId xmlns:a16="http://schemas.microsoft.com/office/drawing/2014/main" id="{BA2FC797-B8A8-4C8E-1155-9E1C15C66E22}"/>
              </a:ext>
            </a:extLst>
          </p:cNvPr>
          <p:cNvSpPr>
            <a:spLocks noGrp="1" noChangeArrowheads="1"/>
          </p:cNvSpPr>
          <p:nvPr>
            <p:ph type="title" hasCustomPrompt="1"/>
          </p:nvPr>
        </p:nvSpPr>
        <p:spPr bwMode="auto">
          <a:xfrm>
            <a:off x="337093" y="816178"/>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2" y="1980039"/>
            <a:ext cx="6654455" cy="4535060"/>
          </a:xfrm>
        </p:spPr>
        <p:txBody>
          <a:bodyPr/>
          <a:lstStyle>
            <a:lvl1pPr marL="342557" indent="-342557">
              <a:buFont typeface="Arial" panose="020B0604020202020204" pitchFamily="34" charset="0"/>
              <a:buChar char="•"/>
              <a:defRPr/>
            </a:lvl1pPr>
            <a:lvl2pPr marL="647050" indent="-285462">
              <a:buFont typeface="Arial" panose="020B0604020202020204" pitchFamily="34" charset="0"/>
              <a:buChar char="•"/>
              <a:defRPr/>
            </a:lvl2pPr>
            <a:lvl3pPr marL="915070" indent="-285462">
              <a:buFont typeface="Arial" panose="020B0604020202020204" pitchFamily="34" charset="0"/>
              <a:buChar char="•"/>
              <a:defRPr/>
            </a:lvl3pPr>
            <a:lvl4pPr marL="1181502" indent="-285462">
              <a:buFont typeface="Arial" panose="020B0604020202020204" pitchFamily="34" charset="0"/>
              <a:buChar char="•"/>
              <a:defRPr/>
            </a:lvl4pPr>
            <a:lvl5pPr marL="1449522" indent="-285462">
              <a:buFont typeface="Arial" panose="020B0604020202020204" pitchFamily="34" charset="0"/>
              <a:buChar char="•"/>
              <a:defRPr/>
            </a:lvl5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7" name="Content Placeholder 3">
            <a:extLst>
              <a:ext uri="{FF2B5EF4-FFF2-40B4-BE49-F238E27FC236}">
                <a16:creationId xmlns:a16="http://schemas.microsoft.com/office/drawing/2014/main" id="{BF8AB7F8-1C1F-B485-8DCD-0DFDEDF0B493}"/>
              </a:ext>
            </a:extLst>
          </p:cNvPr>
          <p:cNvSpPr>
            <a:spLocks noGrp="1"/>
          </p:cNvSpPr>
          <p:nvPr>
            <p:ph sz="quarter" idx="22" hasCustomPrompt="1"/>
          </p:nvPr>
        </p:nvSpPr>
        <p:spPr>
          <a:xfrm>
            <a:off x="7335223" y="1970247"/>
            <a:ext cx="4514338"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1" name="Slide Number Placeholder 8">
            <a:extLst>
              <a:ext uri="{FF2B5EF4-FFF2-40B4-BE49-F238E27FC236}">
                <a16:creationId xmlns:a16="http://schemas.microsoft.com/office/drawing/2014/main" id="{C13FC3A3-99C6-1E25-3940-1FEC8E174337}"/>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2" name="VDLogoHide1">
            <a:extLst>
              <a:ext uri="{FF2B5EF4-FFF2-40B4-BE49-F238E27FC236}">
                <a16:creationId xmlns:a16="http://schemas.microsoft.com/office/drawing/2014/main" id="{45090B91-AC30-C4E1-674D-15C19DA65035}"/>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cxnSp>
        <p:nvCxnSpPr>
          <p:cNvPr id="16" name="Lige forbindelse 15">
            <a:extLst>
              <a:ext uri="{FF2B5EF4-FFF2-40B4-BE49-F238E27FC236}">
                <a16:creationId xmlns:a16="http://schemas.microsoft.com/office/drawing/2014/main" id="{A90CC055-968D-4185-5413-5D79A7F60BD9}"/>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2594445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Side I - 3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2" y="816178"/>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6" y="1980039"/>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Content Placeholder 3">
            <a:extLst>
              <a:ext uri="{FF2B5EF4-FFF2-40B4-BE49-F238E27FC236}">
                <a16:creationId xmlns:a16="http://schemas.microsoft.com/office/drawing/2014/main" id="{55847316-8898-26C9-E19D-92E3C72A3CC2}"/>
              </a:ext>
            </a:extLst>
          </p:cNvPr>
          <p:cNvSpPr>
            <a:spLocks noGrp="1"/>
          </p:cNvSpPr>
          <p:nvPr>
            <p:ph sz="quarter" idx="23" hasCustomPrompt="1"/>
          </p:nvPr>
        </p:nvSpPr>
        <p:spPr>
          <a:xfrm>
            <a:off x="4293790" y="1980039"/>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6" name="Content Placeholder 3">
            <a:extLst>
              <a:ext uri="{FF2B5EF4-FFF2-40B4-BE49-F238E27FC236}">
                <a16:creationId xmlns:a16="http://schemas.microsoft.com/office/drawing/2014/main" id="{8E76ED40-2FA5-4A6C-53B0-5A305A1132FF}"/>
              </a:ext>
            </a:extLst>
          </p:cNvPr>
          <p:cNvSpPr>
            <a:spLocks noGrp="1"/>
          </p:cNvSpPr>
          <p:nvPr>
            <p:ph sz="quarter" idx="24" hasCustomPrompt="1"/>
          </p:nvPr>
        </p:nvSpPr>
        <p:spPr>
          <a:xfrm>
            <a:off x="8249714" y="1970247"/>
            <a:ext cx="361303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01583465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813" tIns="46702" rIns="89813" bIns="46702" numCol="1" rtlCol="0" anchor="t" anchorCtr="0" compatLnSpc="1">
            <a:prstTxWarp prst="textNoShape">
              <a:avLst/>
            </a:prstTxWarp>
          </a:bodyPr>
          <a:lstStyle/>
          <a:p>
            <a:pPr marL="0" marR="0" indent="0" algn="ctr" defTabSz="912551" rtl="0" eaLnBrk="1" fontAlgn="base" latinLnBrk="0" hangingPunct="1">
              <a:lnSpc>
                <a:spcPct val="88000"/>
              </a:lnSpc>
              <a:spcBef>
                <a:spcPct val="0"/>
              </a:spcBef>
              <a:spcAft>
                <a:spcPct val="0"/>
              </a:spcAft>
              <a:buClrTx/>
              <a:buSzTx/>
              <a:buFontTx/>
              <a:buNone/>
              <a:tabLst/>
            </a:pPr>
            <a:endParaRPr lang="da-DK" sz="1863"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6993" b="1" spc="-100" baseline="0">
                <a:solidFill>
                  <a:schemeClr val="bg1"/>
                </a:solidFill>
                <a:latin typeface="+mj-lt"/>
              </a:defRPr>
            </a:lvl1pPr>
          </a:lstStyle>
          <a:p>
            <a:r>
              <a:rPr lang="da-DK"/>
              <a:t>Break </a:t>
            </a:r>
            <a:br>
              <a:rPr lang="da-DK"/>
            </a:br>
            <a:r>
              <a:rPr lang="da-DK"/>
              <a:t>- Klik for at tilføje tekst</a:t>
            </a:r>
          </a:p>
        </p:txBody>
      </p:sp>
      <p:sp>
        <p:nvSpPr>
          <p:cNvPr id="8" name="Subtitle 2"/>
          <p:cNvSpPr>
            <a:spLocks noGrp="1"/>
          </p:cNvSpPr>
          <p:nvPr>
            <p:ph type="subTitle" idx="1" hasCustomPrompt="1"/>
          </p:nvPr>
        </p:nvSpPr>
        <p:spPr>
          <a:xfrm>
            <a:off x="342905" y="5157202"/>
            <a:ext cx="11505485" cy="1069875"/>
          </a:xfrm>
        </p:spPr>
        <p:txBody>
          <a:bodyPr anchor="t" anchorCtr="0"/>
          <a:lstStyle>
            <a:lvl1pPr marL="0" indent="0" algn="l">
              <a:lnSpc>
                <a:spcPct val="90000"/>
              </a:lnSpc>
              <a:spcBef>
                <a:spcPts val="0"/>
              </a:spcBef>
              <a:spcAft>
                <a:spcPts val="0"/>
              </a:spcAft>
              <a:buNone/>
              <a:defRPr sz="3696" b="1" spc="-100" baseline="0">
                <a:solidFill>
                  <a:schemeClr val="bg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0"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2" name="VDLogoHide1">
            <a:extLst>
              <a:ext uri="{FF2B5EF4-FFF2-40B4-BE49-F238E27FC236}">
                <a16:creationId xmlns:a16="http://schemas.microsoft.com/office/drawing/2014/main" id="{3CF20BAE-35AB-5A77-29B2-6585C72ADF68}"/>
              </a:ext>
            </a:extLst>
          </p:cNvPr>
          <p:cNvPicPr>
            <a:picLocks noChangeAspect="1"/>
          </p:cNvPicPr>
          <p:nvPr userDrawn="1"/>
        </p:nvPicPr>
        <p:blipFill rotWithShape="1">
          <a:blip r:embed="rId2">
            <a:biLevel thresh="25000"/>
          </a:blip>
          <a:srcRect r="84634"/>
          <a:stretch/>
        </p:blipFill>
        <p:spPr>
          <a:xfrm>
            <a:off x="11670585" y="275130"/>
            <a:ext cx="159553" cy="251291"/>
          </a:xfrm>
          <a:prstGeom prst="rect">
            <a:avLst/>
          </a:prstGeom>
        </p:spPr>
      </p:pic>
      <p:sp>
        <p:nvSpPr>
          <p:cNvPr id="3" name="Slide Number Placeholder 8">
            <a:extLst>
              <a:ext uri="{FF2B5EF4-FFF2-40B4-BE49-F238E27FC236}">
                <a16:creationId xmlns:a16="http://schemas.microsoft.com/office/drawing/2014/main" id="{C4488DA3-9FDC-B315-13B1-388DEF022DB9}"/>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376378843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lut">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813" tIns="46702" rIns="89813" bIns="46702" numCol="1" rtlCol="0" anchor="t" anchorCtr="0" compatLnSpc="1">
            <a:prstTxWarp prst="textNoShape">
              <a:avLst/>
            </a:prstTxWarp>
          </a:bodyPr>
          <a:lstStyle/>
          <a:p>
            <a:pPr marL="0" marR="0" indent="0" algn="ctr" defTabSz="912551" rtl="0" eaLnBrk="1" fontAlgn="base" latinLnBrk="0" hangingPunct="1">
              <a:lnSpc>
                <a:spcPct val="88000"/>
              </a:lnSpc>
              <a:spcBef>
                <a:spcPct val="0"/>
              </a:spcBef>
              <a:spcAft>
                <a:spcPct val="0"/>
              </a:spcAft>
              <a:buClrTx/>
              <a:buSzTx/>
              <a:buFontTx/>
              <a:buNone/>
              <a:tabLst/>
            </a:pPr>
            <a:endParaRPr lang="da-DK" sz="1863"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6993" b="1" spc="-100" baseline="0">
                <a:solidFill>
                  <a:schemeClr val="bg1"/>
                </a:solidFill>
                <a:latin typeface="+mj-lt"/>
              </a:defRPr>
            </a:lvl1pPr>
          </a:lstStyle>
          <a:p>
            <a:r>
              <a:rPr lang="da-DK"/>
              <a:t>Slut</a:t>
            </a:r>
            <a:br>
              <a:rPr lang="da-DK"/>
            </a:br>
            <a:r>
              <a:rPr lang="da-DK" noProof="0"/>
              <a:t>–</a:t>
            </a:r>
            <a:r>
              <a:rPr lang="da-DK"/>
              <a:t> Klik for at tilføje tekst</a:t>
            </a:r>
          </a:p>
        </p:txBody>
      </p:sp>
      <p:sp>
        <p:nvSpPr>
          <p:cNvPr id="8" name="Subtitle 2"/>
          <p:cNvSpPr>
            <a:spLocks noGrp="1"/>
          </p:cNvSpPr>
          <p:nvPr>
            <p:ph type="subTitle" idx="1" hasCustomPrompt="1"/>
          </p:nvPr>
        </p:nvSpPr>
        <p:spPr>
          <a:xfrm>
            <a:off x="342905" y="5157202"/>
            <a:ext cx="11505485" cy="1069875"/>
          </a:xfrm>
        </p:spPr>
        <p:txBody>
          <a:bodyPr anchor="t" anchorCtr="0"/>
          <a:lstStyle>
            <a:lvl1pPr marL="0" indent="0" algn="l">
              <a:lnSpc>
                <a:spcPct val="90000"/>
              </a:lnSpc>
              <a:spcBef>
                <a:spcPts val="0"/>
              </a:spcBef>
              <a:spcAft>
                <a:spcPts val="0"/>
              </a:spcAft>
              <a:buNone/>
              <a:defRPr sz="3696" b="1" spc="-100" baseline="0">
                <a:solidFill>
                  <a:schemeClr val="bg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0"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20" y="260649"/>
            <a:ext cx="1404000" cy="339637"/>
          </a:xfrm>
          <a:prstGeom prst="rect">
            <a:avLst/>
          </a:prstGeom>
        </p:spPr>
      </p:pic>
      <p:sp>
        <p:nvSpPr>
          <p:cNvPr id="2" name="Slide Number Placeholder 8">
            <a:extLst>
              <a:ext uri="{FF2B5EF4-FFF2-40B4-BE49-F238E27FC236}">
                <a16:creationId xmlns:a16="http://schemas.microsoft.com/office/drawing/2014/main" id="{902412B1-B65A-507F-5733-8F4ED86EF671}"/>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2195017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om m/logo">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spTree>
    <p:extLst>
      <p:ext uri="{BB962C8B-B14F-4D97-AF65-F5344CB8AC3E}">
        <p14:creationId xmlns:p14="http://schemas.microsoft.com/office/powerpoint/2010/main" val="42802505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om">
    <p:bg>
      <p:bgRef idx="1001">
        <a:schemeClr val="bg1"/>
      </p:bgRef>
    </p:bg>
    <p:spTree>
      <p:nvGrpSpPr>
        <p:cNvPr id="1" name=""/>
        <p:cNvGrpSpPr/>
        <p:nvPr/>
      </p:nvGrpSpPr>
      <p:grpSpPr>
        <a:xfrm>
          <a:off x="0" y="0"/>
          <a:ext cx="0" cy="0"/>
          <a:chOff x="0" y="0"/>
          <a:chExt cx="0" cy="0"/>
        </a:xfrm>
      </p:grpSpPr>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23424566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userDrawn="1">
  <p:cSld name="1_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84"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83" y="3019692"/>
            <a:ext cx="12215813" cy="4009708"/>
          </a:xfrm>
        </p:spPr>
        <p:txBody>
          <a:bodyPr tIns="972000"/>
          <a:lstStyle>
            <a:lvl1pPr marL="0" indent="0" algn="ctr">
              <a:buNone/>
              <a:defRPr sz="23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696" b="1" spc="-100" baseline="0">
                <a:solidFill>
                  <a:schemeClr val="accent1"/>
                </a:solidFill>
                <a:latin typeface="+mj-lt"/>
              </a:defRPr>
            </a:lvl1pPr>
          </a:lstStyle>
          <a:p>
            <a:r>
              <a:rPr lang="da-DK"/>
              <a:t>Klik for at tilføje Titel </a:t>
            </a:r>
            <a:br>
              <a:rPr lang="da-DK"/>
            </a:br>
            <a:r>
              <a:rPr lang="da-DK" noProof="0"/>
              <a:t>–</a:t>
            </a:r>
            <a:r>
              <a:rPr lang="da-DK"/>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1998" b="1"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fsender / Dato / Arrangement</a:t>
            </a:r>
            <a:br>
              <a:rPr lang="da-DK"/>
            </a:br>
            <a:r>
              <a:rPr lang="da-DK" noProof="0"/>
              <a:t>–</a:t>
            </a:r>
            <a:r>
              <a:rPr lang="da-DK"/>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20" y="2533406"/>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36649209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userDrawn="1">
  <p:cSld name="1_Side A">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9" name="Title Placeholder 1">
            <a:extLst>
              <a:ext uri="{FF2B5EF4-FFF2-40B4-BE49-F238E27FC236}">
                <a16:creationId xmlns:a16="http://schemas.microsoft.com/office/drawing/2014/main" id="{3E38EE27-81A0-1A04-7109-E65A1C7FD803}"/>
              </a:ext>
            </a:extLst>
          </p:cNvPr>
          <p:cNvSpPr>
            <a:spLocks noGrp="1" noChangeArrowheads="1"/>
          </p:cNvSpPr>
          <p:nvPr>
            <p:ph type="title" hasCustomPrompt="1"/>
          </p:nvPr>
        </p:nvSpPr>
        <p:spPr bwMode="auto">
          <a:xfrm>
            <a:off x="337088" y="816178"/>
            <a:ext cx="987788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7" y="1980039"/>
            <a:ext cx="9877101" cy="4535060"/>
          </a:xfrm>
        </p:spPr>
        <p:txBody>
          <a:bodyPr/>
          <a:lstStyle>
            <a:lvl1pPr marL="342557" indent="-342557">
              <a:buFont typeface="Arial" panose="020B0604020202020204" pitchFamily="34" charset="0"/>
              <a:buChar char="•"/>
              <a:defRPr i="0"/>
            </a:lvl1pPr>
            <a:lvl2pPr marL="648701" indent="-285462">
              <a:buFont typeface="Arial" panose="020B0604020202020204" pitchFamily="34" charset="0"/>
              <a:buChar char="•"/>
              <a:defRPr/>
            </a:lvl2pPr>
            <a:lvl3pPr marL="914832" indent="-285462">
              <a:buFont typeface="Arial" panose="020B0604020202020204" pitchFamily="34" charset="0"/>
              <a:buChar char="•"/>
              <a:defRPr/>
            </a:lvl3pPr>
            <a:lvl4pPr marL="1184562" indent="-285462">
              <a:buFont typeface="Arial" panose="020B0604020202020204" pitchFamily="34" charset="0"/>
              <a:buChar char="•"/>
              <a:defRPr/>
            </a:lvl4pPr>
            <a:lvl5pPr marL="1450696" indent="-285462">
              <a:buFont typeface="Arial" panose="020B0604020202020204" pitchFamily="34" charset="0"/>
              <a:buChar char="•"/>
              <a:defRPr/>
            </a:lvl5pPr>
          </a:lstStyle>
          <a:p>
            <a:pPr lvl="0"/>
            <a:r>
              <a:rPr lang="da-DK" noProof="0"/>
              <a:t>Klik for at indsætte (evt. billede skal venstrestilles)</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spTree>
    <p:extLst>
      <p:ext uri="{BB962C8B-B14F-4D97-AF65-F5344CB8AC3E}">
        <p14:creationId xmlns:p14="http://schemas.microsoft.com/office/powerpoint/2010/main" val="21585382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Side A">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9" name="Title Placeholder 1">
            <a:extLst>
              <a:ext uri="{FF2B5EF4-FFF2-40B4-BE49-F238E27FC236}">
                <a16:creationId xmlns:a16="http://schemas.microsoft.com/office/drawing/2014/main" id="{3E38EE27-81A0-1A04-7109-E65A1C7FD803}"/>
              </a:ext>
            </a:extLst>
          </p:cNvPr>
          <p:cNvSpPr>
            <a:spLocks noGrp="1" noChangeArrowheads="1"/>
          </p:cNvSpPr>
          <p:nvPr>
            <p:ph type="title" hasCustomPrompt="1"/>
          </p:nvPr>
        </p:nvSpPr>
        <p:spPr bwMode="auto">
          <a:xfrm>
            <a:off x="337088" y="816178"/>
            <a:ext cx="987788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7" y="1980039"/>
            <a:ext cx="9877101" cy="4535060"/>
          </a:xfrm>
        </p:spPr>
        <p:txBody>
          <a:bodyPr/>
          <a:lstStyle>
            <a:lvl1pPr marL="342557" indent="-342557">
              <a:buFont typeface="Arial" panose="020B0604020202020204" pitchFamily="34" charset="0"/>
              <a:buChar char="•"/>
              <a:defRPr i="0"/>
            </a:lvl1pPr>
            <a:lvl2pPr marL="648701" indent="-285462">
              <a:buFont typeface="Arial" panose="020B0604020202020204" pitchFamily="34" charset="0"/>
              <a:buChar char="•"/>
              <a:defRPr/>
            </a:lvl2pPr>
            <a:lvl3pPr marL="914832" indent="-285462">
              <a:buFont typeface="Arial" panose="020B0604020202020204" pitchFamily="34" charset="0"/>
              <a:buChar char="•"/>
              <a:defRPr/>
            </a:lvl3pPr>
            <a:lvl4pPr marL="1184562" indent="-285462">
              <a:buFont typeface="Arial" panose="020B0604020202020204" pitchFamily="34" charset="0"/>
              <a:buChar char="•"/>
              <a:defRPr/>
            </a:lvl4pPr>
            <a:lvl5pPr marL="1450696" indent="-285462">
              <a:buFont typeface="Arial" panose="020B0604020202020204" pitchFamily="34" charset="0"/>
              <a:buChar char="•"/>
              <a:defRPr/>
            </a:lvl5pPr>
          </a:lstStyle>
          <a:p>
            <a:pPr lvl="0"/>
            <a:r>
              <a:rPr lang="da-DK" noProof="0"/>
              <a:t>Klik for at indsætte (evt. billede skal venstrestilles)</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spTree>
    <p:extLst>
      <p:ext uri="{BB962C8B-B14F-4D97-AF65-F5344CB8AC3E}">
        <p14:creationId xmlns:p14="http://schemas.microsoft.com/office/powerpoint/2010/main" val="250297603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1_Forside 4 - uden billede">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813" tIns="46702" rIns="89813" bIns="46702" numCol="1" rtlCol="0" anchor="t" anchorCtr="0" compatLnSpc="1">
            <a:prstTxWarp prst="textNoShape">
              <a:avLst/>
            </a:prstTxWarp>
          </a:bodyPr>
          <a:lstStyle/>
          <a:p>
            <a:pPr marL="0" marR="0" indent="0" algn="ctr" defTabSz="912551" rtl="0" eaLnBrk="1" fontAlgn="base" latinLnBrk="0" hangingPunct="1">
              <a:lnSpc>
                <a:spcPct val="88000"/>
              </a:lnSpc>
              <a:spcBef>
                <a:spcPct val="0"/>
              </a:spcBef>
              <a:spcAft>
                <a:spcPct val="0"/>
              </a:spcAft>
              <a:buClrTx/>
              <a:buSzTx/>
              <a:buFontTx/>
              <a:buNone/>
              <a:tabLst/>
            </a:pPr>
            <a:endParaRPr lang="da-DK" sz="1863"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6993" b="1" spc="-100" baseline="0">
                <a:solidFill>
                  <a:schemeClr val="bg1"/>
                </a:solidFill>
                <a:latin typeface="+mj-lt"/>
              </a:defRPr>
            </a:lvl1pPr>
          </a:lstStyle>
          <a:p>
            <a:r>
              <a:rPr lang="da-DK"/>
              <a:t>Klik for at tilføje Titel </a:t>
            </a:r>
            <a:br>
              <a:rPr lang="da-DK"/>
            </a:br>
            <a:r>
              <a:rPr lang="da-DK" noProof="0"/>
              <a:t>–</a:t>
            </a:r>
            <a:r>
              <a:rPr lang="da-DK"/>
              <a:t> evt. 2 linjer</a:t>
            </a:r>
          </a:p>
        </p:txBody>
      </p:sp>
      <p:sp>
        <p:nvSpPr>
          <p:cNvPr id="8" name="Subtitle 2"/>
          <p:cNvSpPr>
            <a:spLocks noGrp="1"/>
          </p:cNvSpPr>
          <p:nvPr>
            <p:ph type="subTitle" idx="1" hasCustomPrompt="1"/>
          </p:nvPr>
        </p:nvSpPr>
        <p:spPr>
          <a:xfrm>
            <a:off x="342905" y="5157202"/>
            <a:ext cx="11505485" cy="1069875"/>
          </a:xfrm>
        </p:spPr>
        <p:txBody>
          <a:bodyPr anchor="t" anchorCtr="0"/>
          <a:lstStyle>
            <a:lvl1pPr marL="0" indent="0" algn="l">
              <a:lnSpc>
                <a:spcPct val="90000"/>
              </a:lnSpc>
              <a:spcBef>
                <a:spcPts val="0"/>
              </a:spcBef>
              <a:spcAft>
                <a:spcPts val="0"/>
              </a:spcAft>
              <a:buNone/>
              <a:defRPr sz="3696" b="1" spc="-100" baseline="0">
                <a:solidFill>
                  <a:schemeClr val="bg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t>
            </a:r>
            <a:br>
              <a:rPr lang="da-DK"/>
            </a:br>
            <a:r>
              <a:rPr lang="da-DK"/>
              <a:t>Afsender / Dato / Arrangement </a:t>
            </a:r>
            <a:r>
              <a:rPr lang="da-DK" noProof="0"/>
              <a:t>–</a:t>
            </a:r>
            <a:r>
              <a:rPr lang="da-DK"/>
              <a:t> evt. 2 linjer</a:t>
            </a:r>
          </a:p>
        </p:txBody>
      </p:sp>
      <p:sp>
        <p:nvSpPr>
          <p:cNvPr id="11" name="Pladsholder til tekst 10">
            <a:extLst>
              <a:ext uri="{FF2B5EF4-FFF2-40B4-BE49-F238E27FC236}">
                <a16:creationId xmlns:a16="http://schemas.microsoft.com/office/drawing/2014/main" id="{D25A1F41-3612-A13F-EC03-063AB102B6C1}"/>
              </a:ext>
            </a:extLst>
          </p:cNvPr>
          <p:cNvSpPr>
            <a:spLocks noGrp="1"/>
          </p:cNvSpPr>
          <p:nvPr>
            <p:ph type="body" sz="quarter" idx="10" hasCustomPrompt="1"/>
          </p:nvPr>
        </p:nvSpPr>
        <p:spPr>
          <a:xfrm>
            <a:off x="8400256" y="342901"/>
            <a:ext cx="3443098" cy="1285900"/>
          </a:xfrm>
        </p:spPr>
        <p:txBody>
          <a:bodyPr/>
          <a:lstStyle>
            <a:lvl1pPr marL="0" indent="0">
              <a:lnSpc>
                <a:spcPct val="109000"/>
              </a:lnSpc>
              <a:spcBef>
                <a:spcPts val="0"/>
              </a:spcBef>
              <a:spcAft>
                <a:spcPts val="0"/>
              </a:spcAft>
              <a:buNone/>
              <a:defRPr sz="1499">
                <a:solidFill>
                  <a:schemeClr val="bg1"/>
                </a:solidFill>
              </a:defRPr>
            </a:lvl1pPr>
          </a:lstStyle>
          <a:p>
            <a:pPr lvl="0"/>
            <a:r>
              <a:rPr lang="da-DK"/>
              <a:t>Klik for at tilføje evt. Ekstra not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0"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20" y="260649"/>
            <a:ext cx="1404000" cy="339637"/>
          </a:xfrm>
          <a:prstGeom prst="rect">
            <a:avLst/>
          </a:prstGeom>
        </p:spPr>
      </p:pic>
      <p:sp>
        <p:nvSpPr>
          <p:cNvPr id="2" name="Slide Number Placeholder 8">
            <a:extLst>
              <a:ext uri="{FF2B5EF4-FFF2-40B4-BE49-F238E27FC236}">
                <a16:creationId xmlns:a16="http://schemas.microsoft.com/office/drawing/2014/main" id="{9B13C690-078A-F83F-5CF2-A81A4CAA02D3}"/>
              </a:ext>
            </a:extLst>
          </p:cNvPr>
          <p:cNvSpPr>
            <a:spLocks noGrp="1"/>
          </p:cNvSpPr>
          <p:nvPr>
            <p:ph type="sldNum" sz="quarter" idx="4"/>
          </p:nvPr>
        </p:nvSpPr>
        <p:spPr>
          <a:xfrm>
            <a:off x="7884778" y="348576"/>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277004745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1_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2" y="816178"/>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1" y="1980039"/>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6269566" y="1970247"/>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51916833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1_Break">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813" tIns="46702" rIns="89813" bIns="46702" numCol="1" rtlCol="0" anchor="t" anchorCtr="0" compatLnSpc="1">
            <a:prstTxWarp prst="textNoShape">
              <a:avLst/>
            </a:prstTxWarp>
          </a:bodyPr>
          <a:lstStyle/>
          <a:p>
            <a:pPr marL="0" marR="0" indent="0" algn="ctr" defTabSz="912551" rtl="0" eaLnBrk="1" fontAlgn="base" latinLnBrk="0" hangingPunct="1">
              <a:lnSpc>
                <a:spcPct val="88000"/>
              </a:lnSpc>
              <a:spcBef>
                <a:spcPct val="0"/>
              </a:spcBef>
              <a:spcAft>
                <a:spcPct val="0"/>
              </a:spcAft>
              <a:buClrTx/>
              <a:buSzTx/>
              <a:buFontTx/>
              <a:buNone/>
              <a:tabLst/>
            </a:pPr>
            <a:endParaRPr lang="da-DK" sz="1863"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6993" b="1" spc="-100" baseline="0">
                <a:solidFill>
                  <a:schemeClr val="bg1"/>
                </a:solidFill>
                <a:latin typeface="+mj-lt"/>
              </a:defRPr>
            </a:lvl1pPr>
          </a:lstStyle>
          <a:p>
            <a:r>
              <a:rPr lang="da-DK"/>
              <a:t>Break </a:t>
            </a:r>
            <a:br>
              <a:rPr lang="da-DK"/>
            </a:br>
            <a:r>
              <a:rPr lang="da-DK"/>
              <a:t>- Klik for at tilføje tekst</a:t>
            </a:r>
          </a:p>
        </p:txBody>
      </p:sp>
      <p:sp>
        <p:nvSpPr>
          <p:cNvPr id="8" name="Subtitle 2"/>
          <p:cNvSpPr>
            <a:spLocks noGrp="1"/>
          </p:cNvSpPr>
          <p:nvPr>
            <p:ph type="subTitle" idx="1" hasCustomPrompt="1"/>
          </p:nvPr>
        </p:nvSpPr>
        <p:spPr>
          <a:xfrm>
            <a:off x="342905" y="5157202"/>
            <a:ext cx="11505485" cy="1069875"/>
          </a:xfrm>
        </p:spPr>
        <p:txBody>
          <a:bodyPr anchor="t" anchorCtr="0"/>
          <a:lstStyle>
            <a:lvl1pPr marL="0" indent="0" algn="l">
              <a:lnSpc>
                <a:spcPct val="90000"/>
              </a:lnSpc>
              <a:spcBef>
                <a:spcPts val="0"/>
              </a:spcBef>
              <a:spcAft>
                <a:spcPts val="0"/>
              </a:spcAft>
              <a:buNone/>
              <a:defRPr sz="3696" b="1" spc="-100" baseline="0">
                <a:solidFill>
                  <a:schemeClr val="bg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0"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2" name="VDLogoHide1">
            <a:extLst>
              <a:ext uri="{FF2B5EF4-FFF2-40B4-BE49-F238E27FC236}">
                <a16:creationId xmlns:a16="http://schemas.microsoft.com/office/drawing/2014/main" id="{3CF20BAE-35AB-5A77-29B2-6585C72ADF68}"/>
              </a:ext>
            </a:extLst>
          </p:cNvPr>
          <p:cNvPicPr>
            <a:picLocks noChangeAspect="1"/>
          </p:cNvPicPr>
          <p:nvPr userDrawn="1"/>
        </p:nvPicPr>
        <p:blipFill rotWithShape="1">
          <a:blip r:embed="rId2">
            <a:biLevel thresh="25000"/>
          </a:blip>
          <a:srcRect r="84634"/>
          <a:stretch/>
        </p:blipFill>
        <p:spPr>
          <a:xfrm>
            <a:off x="11670585" y="275130"/>
            <a:ext cx="159553" cy="251291"/>
          </a:xfrm>
          <a:prstGeom prst="rect">
            <a:avLst/>
          </a:prstGeom>
        </p:spPr>
      </p:pic>
      <p:sp>
        <p:nvSpPr>
          <p:cNvPr id="3" name="Slide Number Placeholder 8">
            <a:extLst>
              <a:ext uri="{FF2B5EF4-FFF2-40B4-BE49-F238E27FC236}">
                <a16:creationId xmlns:a16="http://schemas.microsoft.com/office/drawing/2014/main" id="{C4488DA3-9FDC-B315-13B1-388DEF022DB9}"/>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96157316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1_Forside 2 - evt. m/billede">
    <p:spTree>
      <p:nvGrpSpPr>
        <p:cNvPr id="1" name=""/>
        <p:cNvGrpSpPr/>
        <p:nvPr/>
      </p:nvGrpSpPr>
      <p:grpSpPr>
        <a:xfrm>
          <a:off x="0" y="0"/>
          <a:ext cx="0" cy="0"/>
          <a:chOff x="0" y="0"/>
          <a:chExt cx="0" cy="0"/>
        </a:xfrm>
      </p:grpSpPr>
      <p:pic>
        <p:nvPicPr>
          <p:cNvPr id="2" name="Pladsholder til billede 5">
            <a:extLst>
              <a:ext uri="{FF2B5EF4-FFF2-40B4-BE49-F238E27FC236}">
                <a16:creationId xmlns:a16="http://schemas.microsoft.com/office/drawing/2014/main" id="{3BF0F14A-BC31-631D-1A35-9C0D2A64BBC7}"/>
              </a:ext>
            </a:extLst>
          </p:cNvPr>
          <p:cNvPicPr>
            <a:picLocks noChangeAspect="1"/>
          </p:cNvPicPr>
          <p:nvPr userDrawn="1"/>
        </p:nvPicPr>
        <p:blipFill>
          <a:blip r:embed="rId2">
            <a:extLst>
              <a:ext uri="{28A0092B-C50C-407E-A947-70E740481C1C}">
                <a14:useLocalDpi xmlns:a14="http://schemas.microsoft.com/office/drawing/2010/main" val="0"/>
              </a:ext>
            </a:extLst>
          </a:blip>
          <a:srcRect l="303" r="303"/>
          <a:stretch>
            <a:fillRect/>
          </a:stretch>
        </p:blipFill>
        <p:spPr bwMode="auto">
          <a:xfrm>
            <a:off x="5" y="1609460"/>
            <a:ext cx="12192001" cy="5261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billede 3">
            <a:extLst>
              <a:ext uri="{FF2B5EF4-FFF2-40B4-BE49-F238E27FC236}">
                <a16:creationId xmlns:a16="http://schemas.microsoft.com/office/drawing/2014/main" id="{2AD4EADA-180E-CA41-2E6B-DF742E407A7D}"/>
              </a:ext>
            </a:extLst>
          </p:cNvPr>
          <p:cNvSpPr>
            <a:spLocks noGrp="1"/>
          </p:cNvSpPr>
          <p:nvPr>
            <p:ph type="pic" sz="quarter" idx="11" hasCustomPrompt="1"/>
          </p:nvPr>
        </p:nvSpPr>
        <p:spPr>
          <a:xfrm>
            <a:off x="-19045" y="1600156"/>
            <a:ext cx="12220575" cy="5273619"/>
          </a:xfrm>
        </p:spPr>
        <p:txBody>
          <a:bodyPr tIns="1728000"/>
          <a:lstStyle>
            <a:lvl1pPr marL="0" indent="0" algn="ctr">
              <a:buNone/>
              <a:defRPr sz="23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26" name="Title Placeholder 1">
            <a:extLst>
              <a:ext uri="{FF2B5EF4-FFF2-40B4-BE49-F238E27FC236}">
                <a16:creationId xmlns:a16="http://schemas.microsoft.com/office/drawing/2014/main" id="{40340135-6E5B-C30A-75FA-4B7B128547B3}"/>
              </a:ext>
            </a:extLst>
          </p:cNvPr>
          <p:cNvSpPr>
            <a:spLocks noGrp="1" noChangeArrowheads="1"/>
          </p:cNvSpPr>
          <p:nvPr>
            <p:ph type="title" hasCustomPrompt="1"/>
          </p:nvPr>
        </p:nvSpPr>
        <p:spPr bwMode="auto">
          <a:xfrm>
            <a:off x="339364" y="816169"/>
            <a:ext cx="11504771" cy="49687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defRPr/>
            </a:lvl1pPr>
          </a:lstStyle>
          <a:p>
            <a:pPr lvl="0"/>
            <a:r>
              <a:rPr lang="da-DK" noProof="0"/>
              <a:t>Klik for at tilføje Titel – kun 1 linje</a:t>
            </a:r>
          </a:p>
        </p:txBody>
      </p:sp>
      <p:sp>
        <p:nvSpPr>
          <p:cNvPr id="10" name="Subtitle 2">
            <a:extLst>
              <a:ext uri="{FF2B5EF4-FFF2-40B4-BE49-F238E27FC236}">
                <a16:creationId xmlns:a16="http://schemas.microsoft.com/office/drawing/2014/main" id="{9918B58B-D14C-81EA-E702-414FE04A22AC}"/>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FSENDER / DATO / ARRANGEMEN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10820773" y="254040"/>
            <a:ext cx="1038352" cy="251291"/>
          </a:xfrm>
          <a:prstGeom prst="rect">
            <a:avLst/>
          </a:prstGeom>
        </p:spPr>
      </p:pic>
      <p:sp>
        <p:nvSpPr>
          <p:cNvPr id="3" name="Slide Number Placeholder 8">
            <a:extLst>
              <a:ext uri="{FF2B5EF4-FFF2-40B4-BE49-F238E27FC236}">
                <a16:creationId xmlns:a16="http://schemas.microsoft.com/office/drawing/2014/main" id="{8C17B54F-F76B-E2B7-E1F9-BDC9A4209E5A}"/>
              </a:ext>
            </a:extLst>
          </p:cNvPr>
          <p:cNvSpPr>
            <a:spLocks noGrp="1"/>
          </p:cNvSpPr>
          <p:nvPr>
            <p:ph type="sldNum" sz="quarter" idx="4"/>
          </p:nvPr>
        </p:nvSpPr>
        <p:spPr>
          <a:xfrm>
            <a:off x="10348643" y="330636"/>
            <a:ext cx="338464" cy="171734"/>
          </a:xfrm>
          <a:prstGeom prst="rect">
            <a:avLst/>
          </a:prstGeom>
        </p:spPr>
        <p:txBody>
          <a:bodyPr lIns="0" tIns="0" rIns="0" bIns="0" anchor="ctr" anchorCtr="0"/>
          <a:lstStyle>
            <a:lvl1pPr algn="r">
              <a:defRPr lang="da-DK" sz="999"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41168163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79"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78" y="3019692"/>
            <a:ext cx="12215813" cy="4009708"/>
          </a:xfrm>
        </p:spPr>
        <p:txBody>
          <a:bodyPr tIns="972000"/>
          <a:lstStyle>
            <a:lvl1pPr marL="0" indent="0" algn="ctr">
              <a:buNone/>
              <a:defRPr sz="2388">
                <a:solidFill>
                  <a:schemeClr val="bg1"/>
                </a:solidFill>
              </a:defRPr>
            </a:lvl1pPr>
          </a:lstStyle>
          <a:p>
            <a:pPr marL="0" marR="0" lvl="0" indent="0" algn="ctr" defTabSz="908927" rtl="0" eaLnBrk="1" fontAlgn="base" latinLnBrk="0" hangingPunct="1">
              <a:lnSpc>
                <a:spcPct val="100000"/>
              </a:lnSpc>
              <a:spcBef>
                <a:spcPts val="593"/>
              </a:spcBef>
              <a:spcAft>
                <a:spcPts val="593"/>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676" b="1" spc="-100" baseline="0">
                <a:solidFill>
                  <a:schemeClr val="accent1"/>
                </a:solidFill>
                <a:latin typeface="+mj-lt"/>
              </a:defRPr>
            </a:lvl1pPr>
          </a:lstStyle>
          <a:p>
            <a:r>
              <a:rPr lang="da-DK" dirty="0"/>
              <a:t>Klik for at tilføje Titel </a:t>
            </a:r>
            <a:br>
              <a:rPr lang="da-DK" dirty="0"/>
            </a:br>
            <a:r>
              <a:rPr lang="da-DK" noProof="0" dirty="0"/>
              <a:t>–</a:t>
            </a:r>
            <a:r>
              <a:rPr lang="da-DK" dirty="0"/>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1988" b="1" baseline="0">
                <a:solidFill>
                  <a:schemeClr val="accent1"/>
                </a:solidFill>
                <a:latin typeface="+mj-lt"/>
              </a:defRPr>
            </a:lvl1pPr>
            <a:lvl2pPr marL="605312" indent="0" algn="ctr">
              <a:buNone/>
              <a:defRPr>
                <a:solidFill>
                  <a:schemeClr val="tx1">
                    <a:tint val="75000"/>
                  </a:schemeClr>
                </a:solidFill>
              </a:defRPr>
            </a:lvl2pPr>
            <a:lvl3pPr marL="1210629" indent="0" algn="ctr">
              <a:buNone/>
              <a:defRPr>
                <a:solidFill>
                  <a:schemeClr val="tx1">
                    <a:tint val="75000"/>
                  </a:schemeClr>
                </a:solidFill>
              </a:defRPr>
            </a:lvl3pPr>
            <a:lvl4pPr marL="1815942" indent="0" algn="ctr">
              <a:buNone/>
              <a:defRPr>
                <a:solidFill>
                  <a:schemeClr val="tx1">
                    <a:tint val="75000"/>
                  </a:schemeClr>
                </a:solidFill>
              </a:defRPr>
            </a:lvl4pPr>
            <a:lvl5pPr marL="2421255" indent="0" algn="ctr">
              <a:buNone/>
              <a:defRPr>
                <a:solidFill>
                  <a:schemeClr val="tx1">
                    <a:tint val="75000"/>
                  </a:schemeClr>
                </a:solidFill>
              </a:defRPr>
            </a:lvl5pPr>
            <a:lvl6pPr marL="3026569" indent="0" algn="ctr">
              <a:buNone/>
              <a:defRPr>
                <a:solidFill>
                  <a:schemeClr val="tx1">
                    <a:tint val="75000"/>
                  </a:schemeClr>
                </a:solidFill>
              </a:defRPr>
            </a:lvl6pPr>
            <a:lvl7pPr marL="3631883" indent="0" algn="ctr">
              <a:buNone/>
              <a:defRPr>
                <a:solidFill>
                  <a:schemeClr val="tx1">
                    <a:tint val="75000"/>
                  </a:schemeClr>
                </a:solidFill>
              </a:defRPr>
            </a:lvl7pPr>
            <a:lvl8pPr marL="4237198" indent="0" algn="ctr">
              <a:buNone/>
              <a:defRPr>
                <a:solidFill>
                  <a:schemeClr val="tx1">
                    <a:tint val="75000"/>
                  </a:schemeClr>
                </a:solidFill>
              </a:defRPr>
            </a:lvl8pPr>
            <a:lvl9pPr marL="4842513" indent="0" algn="ctr">
              <a:buNone/>
              <a:defRPr>
                <a:solidFill>
                  <a:schemeClr val="tx1">
                    <a:tint val="75000"/>
                  </a:schemeClr>
                </a:solidFill>
              </a:defRPr>
            </a:lvl9pPr>
          </a:lstStyle>
          <a:p>
            <a:r>
              <a:rPr lang="da-DK" dirty="0"/>
              <a:t>Klik for at tilføje Undertitel / Afsender / Dato / Arrangement</a:t>
            </a:r>
            <a:br>
              <a:rPr lang="da-DK" dirty="0"/>
            </a:br>
            <a:r>
              <a:rPr lang="da-DK" noProof="0" dirty="0"/>
              <a:t>–</a:t>
            </a:r>
            <a:r>
              <a:rPr lang="da-DK" dirty="0"/>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25" y="2533416"/>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4"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4"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26370479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2 - evt. m/billede">
    <p:spTree>
      <p:nvGrpSpPr>
        <p:cNvPr id="1" name=""/>
        <p:cNvGrpSpPr/>
        <p:nvPr/>
      </p:nvGrpSpPr>
      <p:grpSpPr>
        <a:xfrm>
          <a:off x="0" y="0"/>
          <a:ext cx="0" cy="0"/>
          <a:chOff x="0" y="0"/>
          <a:chExt cx="0" cy="0"/>
        </a:xfrm>
      </p:grpSpPr>
      <p:pic>
        <p:nvPicPr>
          <p:cNvPr id="2" name="Pladsholder til billede 5">
            <a:extLst>
              <a:ext uri="{FF2B5EF4-FFF2-40B4-BE49-F238E27FC236}">
                <a16:creationId xmlns:a16="http://schemas.microsoft.com/office/drawing/2014/main" id="{3BF0F14A-BC31-631D-1A35-9C0D2A64BBC7}"/>
              </a:ext>
            </a:extLst>
          </p:cNvPr>
          <p:cNvPicPr>
            <a:picLocks noChangeAspect="1"/>
          </p:cNvPicPr>
          <p:nvPr userDrawn="1"/>
        </p:nvPicPr>
        <p:blipFill>
          <a:blip r:embed="rId2">
            <a:extLst>
              <a:ext uri="{28A0092B-C50C-407E-A947-70E740481C1C}">
                <a14:useLocalDpi xmlns:a14="http://schemas.microsoft.com/office/drawing/2010/main" val="0"/>
              </a:ext>
            </a:extLst>
          </a:blip>
          <a:srcRect l="303" r="303"/>
          <a:stretch>
            <a:fillRect/>
          </a:stretch>
        </p:blipFill>
        <p:spPr bwMode="auto">
          <a:xfrm>
            <a:off x="5" y="1609460"/>
            <a:ext cx="12192001" cy="5261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billede 3">
            <a:extLst>
              <a:ext uri="{FF2B5EF4-FFF2-40B4-BE49-F238E27FC236}">
                <a16:creationId xmlns:a16="http://schemas.microsoft.com/office/drawing/2014/main" id="{2AD4EADA-180E-CA41-2E6B-DF742E407A7D}"/>
              </a:ext>
            </a:extLst>
          </p:cNvPr>
          <p:cNvSpPr>
            <a:spLocks noGrp="1"/>
          </p:cNvSpPr>
          <p:nvPr>
            <p:ph type="pic" sz="quarter" idx="11" hasCustomPrompt="1"/>
          </p:nvPr>
        </p:nvSpPr>
        <p:spPr>
          <a:xfrm>
            <a:off x="-19045" y="1600156"/>
            <a:ext cx="12220575" cy="5273619"/>
          </a:xfrm>
        </p:spPr>
        <p:txBody>
          <a:bodyPr tIns="1728000"/>
          <a:lstStyle>
            <a:lvl1pPr marL="0" indent="0" algn="ctr">
              <a:buNone/>
              <a:defRPr sz="23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26" name="Title Placeholder 1">
            <a:extLst>
              <a:ext uri="{FF2B5EF4-FFF2-40B4-BE49-F238E27FC236}">
                <a16:creationId xmlns:a16="http://schemas.microsoft.com/office/drawing/2014/main" id="{40340135-6E5B-C30A-75FA-4B7B128547B3}"/>
              </a:ext>
            </a:extLst>
          </p:cNvPr>
          <p:cNvSpPr>
            <a:spLocks noGrp="1" noChangeArrowheads="1"/>
          </p:cNvSpPr>
          <p:nvPr>
            <p:ph type="title" hasCustomPrompt="1"/>
          </p:nvPr>
        </p:nvSpPr>
        <p:spPr bwMode="auto">
          <a:xfrm>
            <a:off x="339364" y="816169"/>
            <a:ext cx="11504771" cy="49687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defRPr/>
            </a:lvl1pPr>
          </a:lstStyle>
          <a:p>
            <a:pPr lvl="0"/>
            <a:r>
              <a:rPr lang="da-DK" noProof="0"/>
              <a:t>Klik for at tilføje Titel – kun 1 linje</a:t>
            </a:r>
          </a:p>
        </p:txBody>
      </p:sp>
      <p:sp>
        <p:nvSpPr>
          <p:cNvPr id="10" name="Subtitle 2">
            <a:extLst>
              <a:ext uri="{FF2B5EF4-FFF2-40B4-BE49-F238E27FC236}">
                <a16:creationId xmlns:a16="http://schemas.microsoft.com/office/drawing/2014/main" id="{9918B58B-D14C-81EA-E702-414FE04A22AC}"/>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FSENDER / DATO / ARRANGEMEN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10820773" y="254040"/>
            <a:ext cx="1038352" cy="251291"/>
          </a:xfrm>
          <a:prstGeom prst="rect">
            <a:avLst/>
          </a:prstGeom>
        </p:spPr>
      </p:pic>
      <p:sp>
        <p:nvSpPr>
          <p:cNvPr id="3" name="Slide Number Placeholder 8">
            <a:extLst>
              <a:ext uri="{FF2B5EF4-FFF2-40B4-BE49-F238E27FC236}">
                <a16:creationId xmlns:a16="http://schemas.microsoft.com/office/drawing/2014/main" id="{8C17B54F-F76B-E2B7-E1F9-BDC9A4209E5A}"/>
              </a:ext>
            </a:extLst>
          </p:cNvPr>
          <p:cNvSpPr>
            <a:spLocks noGrp="1"/>
          </p:cNvSpPr>
          <p:nvPr>
            <p:ph type="sldNum" sz="quarter" idx="4"/>
          </p:nvPr>
        </p:nvSpPr>
        <p:spPr>
          <a:xfrm>
            <a:off x="10348643" y="330636"/>
            <a:ext cx="338464" cy="171734"/>
          </a:xfrm>
          <a:prstGeom prst="rect">
            <a:avLst/>
          </a:prstGeom>
        </p:spPr>
        <p:txBody>
          <a:bodyPr lIns="0" tIns="0" rIns="0" bIns="0" anchor="ctr" anchorCtr="0"/>
          <a:lstStyle>
            <a:lvl1pPr algn="r">
              <a:defRPr lang="da-DK" sz="999"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4131936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3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B7D7DACD-54C6-5947-D215-217C5C00252E}"/>
              </a:ext>
            </a:extLst>
          </p:cNvPr>
          <p:cNvPicPr>
            <a:picLocks noChangeAspect="1"/>
          </p:cNvPicPr>
          <p:nvPr userDrawn="1"/>
        </p:nvPicPr>
        <p:blipFill>
          <a:blip r:embed="rId2">
            <a:extLst>
              <a:ext uri="{28A0092B-C50C-407E-A947-70E740481C1C}">
                <a14:useLocalDpi xmlns:a14="http://schemas.microsoft.com/office/drawing/2010/main" val="0"/>
              </a:ext>
            </a:extLst>
          </a:blip>
          <a:srcRect l="23893" r="23893"/>
          <a:stretch>
            <a:fillRect/>
          </a:stretch>
        </p:blipFill>
        <p:spPr bwMode="auto">
          <a:xfrm>
            <a:off x="4241416" y="342903"/>
            <a:ext cx="7950584" cy="6530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ladsholder til billede 3">
            <a:extLst>
              <a:ext uri="{FF2B5EF4-FFF2-40B4-BE49-F238E27FC236}">
                <a16:creationId xmlns:a16="http://schemas.microsoft.com/office/drawing/2014/main" id="{F665C585-95B6-9ED0-757B-C5EE8ED46F1E}"/>
              </a:ext>
            </a:extLst>
          </p:cNvPr>
          <p:cNvSpPr>
            <a:spLocks noGrp="1"/>
          </p:cNvSpPr>
          <p:nvPr>
            <p:ph type="pic" sz="quarter" idx="10" hasCustomPrompt="1"/>
          </p:nvPr>
        </p:nvSpPr>
        <p:spPr>
          <a:xfrm>
            <a:off x="4237553" y="342903"/>
            <a:ext cx="7950584" cy="6530867"/>
          </a:xfrm>
        </p:spPr>
        <p:txBody>
          <a:bodyPr tIns="1728000"/>
          <a:lstStyle>
            <a:lvl1pPr marL="0" indent="0" algn="ctr">
              <a:buNone/>
              <a:defRPr sz="21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2" name="Title 1"/>
          <p:cNvSpPr>
            <a:spLocks noGrp="1"/>
          </p:cNvSpPr>
          <p:nvPr>
            <p:ph type="ctrTitle" hasCustomPrompt="1"/>
          </p:nvPr>
        </p:nvSpPr>
        <p:spPr>
          <a:xfrm>
            <a:off x="342902" y="2547761"/>
            <a:ext cx="3520850" cy="2033366"/>
          </a:xfrm>
        </p:spPr>
        <p:txBody>
          <a:bodyPr anchor="t" anchorCtr="0"/>
          <a:lstStyle>
            <a:lvl1pPr>
              <a:lnSpc>
                <a:spcPct val="88000"/>
              </a:lnSpc>
              <a:defRPr sz="3696" b="1" spc="-100" baseline="0">
                <a:solidFill>
                  <a:schemeClr val="accent1"/>
                </a:solidFill>
                <a:latin typeface="+mj-lt"/>
              </a:defRPr>
            </a:lvl1pPr>
          </a:lstStyle>
          <a:p>
            <a:r>
              <a:rPr lang="da-DK"/>
              <a:t>Klik for at tilføje Titel </a:t>
            </a:r>
            <a:br>
              <a:rPr lang="da-DK"/>
            </a:br>
            <a:r>
              <a:rPr lang="da-DK" noProof="0"/>
              <a:t>–</a:t>
            </a:r>
            <a:r>
              <a:rPr lang="da-DK"/>
              <a:t> evt. op til</a:t>
            </a:r>
            <a:br>
              <a:rPr lang="da-DK"/>
            </a:br>
            <a:r>
              <a:rPr lang="da-DK"/>
              <a:t>4 linjer </a:t>
            </a:r>
          </a:p>
        </p:txBody>
      </p:sp>
      <p:sp>
        <p:nvSpPr>
          <p:cNvPr id="8" name="Subtitle 2"/>
          <p:cNvSpPr>
            <a:spLocks noGrp="1"/>
          </p:cNvSpPr>
          <p:nvPr>
            <p:ph type="subTitle" idx="1" hasCustomPrompt="1"/>
          </p:nvPr>
        </p:nvSpPr>
        <p:spPr>
          <a:xfrm>
            <a:off x="343615" y="4725144"/>
            <a:ext cx="3520137" cy="936104"/>
          </a:xfrm>
        </p:spPr>
        <p:txBody>
          <a:bodyPr anchor="t" anchorCtr="0"/>
          <a:lstStyle>
            <a:lvl1pPr marL="0" indent="0" algn="l">
              <a:lnSpc>
                <a:spcPct val="98000"/>
              </a:lnSpc>
              <a:spcBef>
                <a:spcPts val="0"/>
              </a:spcBef>
              <a:spcAft>
                <a:spcPts val="0"/>
              </a:spcAft>
              <a:buNone/>
              <a:defRPr sz="1499" b="0"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t>
            </a:r>
            <a:br>
              <a:rPr lang="da-DK"/>
            </a:br>
            <a:r>
              <a:rPr lang="da-DK"/>
              <a:t>Afsender / Dato / Arrangement</a:t>
            </a:r>
            <a:br>
              <a:rPr lang="da-DK"/>
            </a:br>
            <a:r>
              <a:rPr lang="da-DK" noProof="0"/>
              <a:t>–</a:t>
            </a:r>
            <a:r>
              <a:rPr lang="da-DK"/>
              <a:t> evt. op til 4 linjer</a:t>
            </a:r>
          </a:p>
        </p:txBody>
      </p:sp>
      <p:cxnSp>
        <p:nvCxnSpPr>
          <p:cNvPr id="6" name="Lige forbindelse 5">
            <a:extLst>
              <a:ext uri="{FF2B5EF4-FFF2-40B4-BE49-F238E27FC236}">
                <a16:creationId xmlns:a16="http://schemas.microsoft.com/office/drawing/2014/main" id="{0DD7090E-FD46-AC74-E5E4-9CA1D288FDEB}"/>
              </a:ext>
            </a:extLst>
          </p:cNvPr>
          <p:cNvCxnSpPr>
            <a:cxnSpLocks/>
          </p:cNvCxnSpPr>
          <p:nvPr userDrawn="1"/>
        </p:nvCxnSpPr>
        <p:spPr bwMode="auto">
          <a:xfrm>
            <a:off x="343614" y="2204863"/>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20" y="342904"/>
            <a:ext cx="1404000" cy="339637"/>
          </a:xfrm>
          <a:prstGeom prst="rect">
            <a:avLst/>
          </a:prstGeom>
        </p:spPr>
      </p:pic>
      <p:cxnSp>
        <p:nvCxnSpPr>
          <p:cNvPr id="10" name="Lige forbindelse 9">
            <a:extLst>
              <a:ext uri="{FF2B5EF4-FFF2-40B4-BE49-F238E27FC236}">
                <a16:creationId xmlns:a16="http://schemas.microsoft.com/office/drawing/2014/main" id="{649CD8D1-7F5B-95B4-9B29-E873E2CC6B00}"/>
              </a:ext>
            </a:extLst>
          </p:cNvPr>
          <p:cNvCxnSpPr>
            <a:cxnSpLocks/>
          </p:cNvCxnSpPr>
          <p:nvPr userDrawn="1"/>
        </p:nvCxnSpPr>
        <p:spPr bwMode="auto">
          <a:xfrm>
            <a:off x="343614" y="6492548"/>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Rektangel 1">
            <a:extLst>
              <a:ext uri="{FF2B5EF4-FFF2-40B4-BE49-F238E27FC236}">
                <a16:creationId xmlns:a16="http://schemas.microsoft.com/office/drawing/2014/main" id="{816B44AC-8B42-3110-8095-FD3C3BDC58FF}"/>
              </a:ext>
            </a:extLst>
          </p:cNvPr>
          <p:cNvSpPr/>
          <p:nvPr userDrawn="1"/>
        </p:nvSpPr>
        <p:spPr bwMode="auto">
          <a:xfrm>
            <a:off x="119341" y="6237322"/>
            <a:ext cx="3960440" cy="432047"/>
          </a:xfrm>
          <a:prstGeom prst="rect">
            <a:avLst/>
          </a:prstGeom>
          <a:solidFill>
            <a:schemeClr val="bg1"/>
          </a:solidFill>
          <a:ln w="25400" cap="sq" cmpd="sng" algn="ctr">
            <a:solidFill>
              <a:schemeClr val="bg1"/>
            </a:solidFill>
            <a:prstDash val="solid"/>
            <a:miter lim="800000"/>
            <a:headEnd type="none" w="med" len="med"/>
            <a:tailEnd type="none" w="med" len="med"/>
          </a:ln>
          <a:effectLst/>
        </p:spPr>
        <p:txBody>
          <a:bodyPr vert="horz" wrap="square" lIns="89906" tIns="46751" rIns="89906" bIns="46751" numCol="1" rtlCol="0" anchor="ctr" anchorCtr="0" compatLnSpc="1">
            <a:prstTxWarp prst="textNoShape">
              <a:avLst/>
            </a:prstTxWarp>
          </a:bodyPr>
          <a:lstStyle/>
          <a:p>
            <a:pPr marL="0" marR="0" indent="0" algn="ctr" defTabSz="913484" rtl="0" eaLnBrk="1" fontAlgn="base" latinLnBrk="0" hangingPunct="1">
              <a:lnSpc>
                <a:spcPct val="100000"/>
              </a:lnSpc>
              <a:spcBef>
                <a:spcPct val="0"/>
              </a:spcBef>
              <a:spcAft>
                <a:spcPct val="0"/>
              </a:spcAft>
              <a:buClrTx/>
              <a:buSzTx/>
              <a:buFontTx/>
              <a:buNone/>
              <a:tabLst/>
            </a:pPr>
            <a:endParaRPr lang="da-DK" sz="1798" b="1">
              <a:ln w="28575">
                <a:noFill/>
              </a:ln>
              <a:latin typeface="Arial" pitchFamily="34" charset="0"/>
              <a:cs typeface="Arial" pitchFamily="34" charset="0"/>
            </a:endParaRPr>
          </a:p>
        </p:txBody>
      </p:sp>
      <p:sp>
        <p:nvSpPr>
          <p:cNvPr id="4" name="Slide Number Placeholder 8">
            <a:extLst>
              <a:ext uri="{FF2B5EF4-FFF2-40B4-BE49-F238E27FC236}">
                <a16:creationId xmlns:a16="http://schemas.microsoft.com/office/drawing/2014/main" id="{BB6827C6-BDD4-8906-546A-B4874478FF0B}"/>
              </a:ext>
            </a:extLst>
          </p:cNvPr>
          <p:cNvSpPr>
            <a:spLocks noGrp="1"/>
          </p:cNvSpPr>
          <p:nvPr>
            <p:ph type="sldNum" sz="quarter" idx="4"/>
          </p:nvPr>
        </p:nvSpPr>
        <p:spPr>
          <a:xfrm>
            <a:off x="3525293" y="462811"/>
            <a:ext cx="338464" cy="171734"/>
          </a:xfrm>
          <a:prstGeom prst="rect">
            <a:avLst/>
          </a:prstGeom>
        </p:spPr>
        <p:txBody>
          <a:bodyPr lIns="0" tIns="0" rIns="0" bIns="0" anchor="ctr" anchorCtr="0"/>
          <a:lstStyle>
            <a:lvl1pPr algn="r">
              <a:defRPr lang="da-DK" sz="999"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363439493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orside 4 - uden billede">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813" tIns="46702" rIns="89813" bIns="46702" numCol="1" rtlCol="0" anchor="t" anchorCtr="0" compatLnSpc="1">
            <a:prstTxWarp prst="textNoShape">
              <a:avLst/>
            </a:prstTxWarp>
          </a:bodyPr>
          <a:lstStyle/>
          <a:p>
            <a:pPr marL="0" marR="0" indent="0" algn="ctr" defTabSz="912551" rtl="0" eaLnBrk="1" fontAlgn="base" latinLnBrk="0" hangingPunct="1">
              <a:lnSpc>
                <a:spcPct val="88000"/>
              </a:lnSpc>
              <a:spcBef>
                <a:spcPct val="0"/>
              </a:spcBef>
              <a:spcAft>
                <a:spcPct val="0"/>
              </a:spcAft>
              <a:buClrTx/>
              <a:buSzTx/>
              <a:buFontTx/>
              <a:buNone/>
              <a:tabLst/>
            </a:pPr>
            <a:endParaRPr lang="da-DK" sz="1863" b="1">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6993" b="1" spc="-100" baseline="0">
                <a:solidFill>
                  <a:schemeClr val="bg1"/>
                </a:solidFill>
                <a:latin typeface="+mj-lt"/>
              </a:defRPr>
            </a:lvl1pPr>
          </a:lstStyle>
          <a:p>
            <a:r>
              <a:rPr lang="da-DK"/>
              <a:t>Klik for at tilføje Titel </a:t>
            </a:r>
            <a:br>
              <a:rPr lang="da-DK"/>
            </a:br>
            <a:r>
              <a:rPr lang="da-DK" noProof="0"/>
              <a:t>–</a:t>
            </a:r>
            <a:r>
              <a:rPr lang="da-DK"/>
              <a:t> evt. 2 linjer</a:t>
            </a:r>
          </a:p>
        </p:txBody>
      </p:sp>
      <p:sp>
        <p:nvSpPr>
          <p:cNvPr id="8" name="Subtitle 2"/>
          <p:cNvSpPr>
            <a:spLocks noGrp="1"/>
          </p:cNvSpPr>
          <p:nvPr>
            <p:ph type="subTitle" idx="1" hasCustomPrompt="1"/>
          </p:nvPr>
        </p:nvSpPr>
        <p:spPr>
          <a:xfrm>
            <a:off x="342905" y="5157202"/>
            <a:ext cx="11505485" cy="1069875"/>
          </a:xfrm>
        </p:spPr>
        <p:txBody>
          <a:bodyPr anchor="t" anchorCtr="0"/>
          <a:lstStyle>
            <a:lvl1pPr marL="0" indent="0" algn="l">
              <a:lnSpc>
                <a:spcPct val="90000"/>
              </a:lnSpc>
              <a:spcBef>
                <a:spcPts val="0"/>
              </a:spcBef>
              <a:spcAft>
                <a:spcPts val="0"/>
              </a:spcAft>
              <a:buNone/>
              <a:defRPr sz="3696" b="1" spc="-100" baseline="0">
                <a:solidFill>
                  <a:schemeClr val="bg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Undertitel / </a:t>
            </a:r>
            <a:br>
              <a:rPr lang="da-DK"/>
            </a:br>
            <a:r>
              <a:rPr lang="da-DK"/>
              <a:t>Afsender / Dato / Arrangement </a:t>
            </a:r>
            <a:r>
              <a:rPr lang="da-DK" noProof="0"/>
              <a:t>–</a:t>
            </a:r>
            <a:r>
              <a:rPr lang="da-DK"/>
              <a:t> evt. 2 linjer</a:t>
            </a:r>
          </a:p>
        </p:txBody>
      </p:sp>
      <p:sp>
        <p:nvSpPr>
          <p:cNvPr id="11" name="Pladsholder til tekst 10">
            <a:extLst>
              <a:ext uri="{FF2B5EF4-FFF2-40B4-BE49-F238E27FC236}">
                <a16:creationId xmlns:a16="http://schemas.microsoft.com/office/drawing/2014/main" id="{D25A1F41-3612-A13F-EC03-063AB102B6C1}"/>
              </a:ext>
            </a:extLst>
          </p:cNvPr>
          <p:cNvSpPr>
            <a:spLocks noGrp="1"/>
          </p:cNvSpPr>
          <p:nvPr>
            <p:ph type="body" sz="quarter" idx="10" hasCustomPrompt="1"/>
          </p:nvPr>
        </p:nvSpPr>
        <p:spPr>
          <a:xfrm>
            <a:off x="8400256" y="342901"/>
            <a:ext cx="3443098" cy="1285900"/>
          </a:xfrm>
        </p:spPr>
        <p:txBody>
          <a:bodyPr/>
          <a:lstStyle>
            <a:lvl1pPr marL="0" indent="0">
              <a:lnSpc>
                <a:spcPct val="109000"/>
              </a:lnSpc>
              <a:spcBef>
                <a:spcPts val="0"/>
              </a:spcBef>
              <a:spcAft>
                <a:spcPts val="0"/>
              </a:spcAft>
              <a:buNone/>
              <a:defRPr sz="1499">
                <a:solidFill>
                  <a:schemeClr val="bg1"/>
                </a:solidFill>
              </a:defRPr>
            </a:lvl1pPr>
          </a:lstStyle>
          <a:p>
            <a:pPr lvl="0"/>
            <a:r>
              <a:rPr lang="da-DK"/>
              <a:t>Klik for at tilføje evt. Ekstra not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20"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20" y="260649"/>
            <a:ext cx="1404000" cy="339637"/>
          </a:xfrm>
          <a:prstGeom prst="rect">
            <a:avLst/>
          </a:prstGeom>
        </p:spPr>
      </p:pic>
      <p:sp>
        <p:nvSpPr>
          <p:cNvPr id="2" name="Slide Number Placeholder 8">
            <a:extLst>
              <a:ext uri="{FF2B5EF4-FFF2-40B4-BE49-F238E27FC236}">
                <a16:creationId xmlns:a16="http://schemas.microsoft.com/office/drawing/2014/main" id="{9B13C690-078A-F83F-5CF2-A81A4CAA02D3}"/>
              </a:ext>
            </a:extLst>
          </p:cNvPr>
          <p:cNvSpPr>
            <a:spLocks noGrp="1"/>
          </p:cNvSpPr>
          <p:nvPr>
            <p:ph type="sldNum" sz="quarter" idx="4"/>
          </p:nvPr>
        </p:nvSpPr>
        <p:spPr>
          <a:xfrm>
            <a:off x="7884778" y="348576"/>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spTree>
    <p:extLst>
      <p:ext uri="{BB962C8B-B14F-4D97-AF65-F5344CB8AC3E}">
        <p14:creationId xmlns:p14="http://schemas.microsoft.com/office/powerpoint/2010/main" val="15975612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ide B - beskrivelse under">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E4FA96D-DA08-12AC-D619-99AF675C46A3}"/>
              </a:ext>
            </a:extLst>
          </p:cNvPr>
          <p:cNvSpPr>
            <a:spLocks noGrp="1"/>
          </p:cNvSpPr>
          <p:nvPr>
            <p:ph sz="quarter" idx="25" hasCustomPrompt="1"/>
          </p:nvPr>
        </p:nvSpPr>
        <p:spPr>
          <a:xfrm>
            <a:off x="328613" y="1973263"/>
            <a:ext cx="11534775" cy="3687762"/>
          </a:xfrm>
        </p:spPr>
        <p:txBody>
          <a:bodyPr/>
          <a:lstStyle>
            <a:lvl1pPr marL="0" indent="0" algn="ctr">
              <a:buNone/>
              <a:defRPr/>
            </a:lvl1pPr>
          </a:lstStyle>
          <a:p>
            <a:pPr lvl="0"/>
            <a:br>
              <a:rPr lang="da-DK"/>
            </a:br>
            <a:br>
              <a:rPr lang="da-DK"/>
            </a:br>
            <a:r>
              <a:rPr lang="da-DK"/>
              <a:t>Klik for at indsætte</a:t>
            </a:r>
          </a:p>
        </p:txBody>
      </p:sp>
      <p:sp>
        <p:nvSpPr>
          <p:cNvPr id="2" name="Subtitle 2">
            <a:extLst>
              <a:ext uri="{FF2B5EF4-FFF2-40B4-BE49-F238E27FC236}">
                <a16:creationId xmlns:a16="http://schemas.microsoft.com/office/drawing/2014/main" id="{D0972865-8D49-B39C-FE4E-83DD7B94B6C9}"/>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16" name="Title Placeholder 1">
            <a:extLst>
              <a:ext uri="{FF2B5EF4-FFF2-40B4-BE49-F238E27FC236}">
                <a16:creationId xmlns:a16="http://schemas.microsoft.com/office/drawing/2014/main" id="{AE78E121-7EBB-4C4D-9BB7-F91A76E46A3B}"/>
              </a:ext>
            </a:extLst>
          </p:cNvPr>
          <p:cNvSpPr>
            <a:spLocks noGrp="1" noChangeArrowheads="1"/>
          </p:cNvSpPr>
          <p:nvPr>
            <p:ph type="title" hasCustomPrompt="1"/>
          </p:nvPr>
        </p:nvSpPr>
        <p:spPr bwMode="auto">
          <a:xfrm>
            <a:off x="337093" y="816178"/>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2" y="5829309"/>
            <a:ext cx="11524880" cy="676007"/>
          </a:xfrm>
        </p:spPr>
        <p:txBody>
          <a:bodyPr/>
          <a:lstStyle>
            <a:lvl1pPr marL="35927" indent="0">
              <a:lnSpc>
                <a:spcPct val="100000"/>
              </a:lnSpc>
              <a:buFontTx/>
              <a:buNone/>
              <a:defRPr sz="1499"/>
            </a:lvl1pPr>
            <a:lvl2pPr marL="646689" indent="0">
              <a:buNone/>
              <a:defRPr/>
            </a:lvl2pPr>
          </a:lstStyle>
          <a:p>
            <a:pPr lvl="0"/>
            <a:r>
              <a:rPr lang="da-DK"/>
              <a:t>Klik for at tilføje Beskrivelse</a:t>
            </a:r>
          </a:p>
        </p:txBody>
      </p:sp>
      <p:sp>
        <p:nvSpPr>
          <p:cNvPr id="5" name="Slide Number Placeholder 8">
            <a:extLst>
              <a:ext uri="{FF2B5EF4-FFF2-40B4-BE49-F238E27FC236}">
                <a16:creationId xmlns:a16="http://schemas.microsoft.com/office/drawing/2014/main" id="{378E7BF1-44DB-964E-8539-28A155943E25}"/>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7" name="VDLogoHide1">
            <a:extLst>
              <a:ext uri="{FF2B5EF4-FFF2-40B4-BE49-F238E27FC236}">
                <a16:creationId xmlns:a16="http://schemas.microsoft.com/office/drawing/2014/main" id="{938C498A-48BA-0EA7-8B4B-C93FE0A16230}"/>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cxnSp>
        <p:nvCxnSpPr>
          <p:cNvPr id="11" name="Lige forbindelse 10">
            <a:extLst>
              <a:ext uri="{FF2B5EF4-FFF2-40B4-BE49-F238E27FC236}">
                <a16:creationId xmlns:a16="http://schemas.microsoft.com/office/drawing/2014/main" id="{FF200740-98C2-D4A9-739D-40C4E4D422E0}"/>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36906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ide C - overskrift til venstre + graf">
    <p:spTree>
      <p:nvGrpSpPr>
        <p:cNvPr id="1" name=""/>
        <p:cNvGrpSpPr/>
        <p:nvPr/>
      </p:nvGrpSpPr>
      <p:grpSpPr>
        <a:xfrm>
          <a:off x="0" y="0"/>
          <a:ext cx="0" cy="0"/>
          <a:chOff x="0" y="0"/>
          <a:chExt cx="0" cy="0"/>
        </a:xfrm>
      </p:grpSpPr>
      <p:sp>
        <p:nvSpPr>
          <p:cNvPr id="6" name="Pladsholder til indhold 5">
            <a:extLst>
              <a:ext uri="{FF2B5EF4-FFF2-40B4-BE49-F238E27FC236}">
                <a16:creationId xmlns:a16="http://schemas.microsoft.com/office/drawing/2014/main" id="{176C5CC3-07F0-A054-D0FA-B86C9171B244}"/>
              </a:ext>
            </a:extLst>
          </p:cNvPr>
          <p:cNvSpPr>
            <a:spLocks noGrp="1"/>
          </p:cNvSpPr>
          <p:nvPr>
            <p:ph sz="quarter" idx="25" hasCustomPrompt="1"/>
          </p:nvPr>
        </p:nvSpPr>
        <p:spPr>
          <a:xfrm>
            <a:off x="6264280" y="0"/>
            <a:ext cx="5927725" cy="6858000"/>
          </a:xfrm>
        </p:spPr>
        <p:txBody>
          <a:bodyPr/>
          <a:lstStyle>
            <a:lvl1pPr marL="0" indent="0" algn="ctr">
              <a:buNone/>
              <a:defRPr/>
            </a:lvl1pPr>
          </a:lstStyle>
          <a:p>
            <a:pPr lvl="0"/>
            <a:br>
              <a:rPr lang="da-DK"/>
            </a:br>
            <a:br>
              <a:rPr lang="da-DK"/>
            </a:br>
            <a:br>
              <a:rPr lang="da-DK"/>
            </a:br>
            <a:br>
              <a:rPr lang="da-DK"/>
            </a:br>
            <a:br>
              <a:rPr lang="da-DK"/>
            </a:br>
            <a:r>
              <a:rPr lang="da-DK"/>
              <a:t>Klik for at indsætte</a:t>
            </a:r>
          </a:p>
        </p:txBody>
      </p:sp>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2" y="342900"/>
            <a:ext cx="4581059"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3" y="816178"/>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9"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2"/>
          <a:srcRect r="84634"/>
          <a:stretch/>
        </p:blipFill>
        <p:spPr>
          <a:xfrm>
            <a:off x="5768791" y="275130"/>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1"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0598411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ide D - overskrift til venstre + 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81F9B43F-DECC-0311-C995-E75F81E0DB43}"/>
              </a:ext>
            </a:extLst>
          </p:cNvPr>
          <p:cNvPicPr>
            <a:picLocks noChangeAspect="1"/>
          </p:cNvPicPr>
          <p:nvPr userDrawn="1"/>
        </p:nvPicPr>
        <p:blipFill>
          <a:blip r:embed="rId2">
            <a:extLst>
              <a:ext uri="{28A0092B-C50C-407E-A947-70E740481C1C}">
                <a14:useLocalDpi xmlns:a14="http://schemas.microsoft.com/office/drawing/2010/main" val="0"/>
              </a:ext>
            </a:extLst>
          </a:blip>
          <a:srcRect l="31483" r="31483"/>
          <a:stretch>
            <a:fillRect/>
          </a:stretch>
        </p:blipFill>
        <p:spPr bwMode="auto">
          <a:xfrm>
            <a:off x="6263666" y="3"/>
            <a:ext cx="5922150" cy="68580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2" y="342900"/>
            <a:ext cx="4581059"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3" y="816178"/>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5" name="Picture Placeholder 5">
            <a:extLst>
              <a:ext uri="{FF2B5EF4-FFF2-40B4-BE49-F238E27FC236}">
                <a16:creationId xmlns:a16="http://schemas.microsoft.com/office/drawing/2014/main" id="{D129010D-26E1-AA28-0F33-15792F4893BB}"/>
              </a:ext>
            </a:extLst>
          </p:cNvPr>
          <p:cNvSpPr>
            <a:spLocks noGrp="1"/>
          </p:cNvSpPr>
          <p:nvPr>
            <p:ph type="pic" sz="quarter" idx="24" hasCustomPrompt="1"/>
          </p:nvPr>
        </p:nvSpPr>
        <p:spPr>
          <a:xfrm>
            <a:off x="6258828" y="-1"/>
            <a:ext cx="5938927" cy="6858001"/>
          </a:xfrm>
          <a:noFill/>
        </p:spPr>
        <p:txBody>
          <a:bodyPr tIns="1332000"/>
          <a:lstStyle>
            <a:lvl1pPr marL="0" indent="0" algn="ctr">
              <a:buNone/>
              <a:defRPr sz="1698">
                <a:solidFill>
                  <a:schemeClr val="bg1"/>
                </a:solidFill>
              </a:defRPr>
            </a:lvl1pPr>
          </a:lstStyle>
          <a:p>
            <a:pPr marL="0" marR="0" lvl="0" indent="0" algn="ctr" defTabSz="913486" rtl="0" eaLnBrk="1" fontAlgn="base" latinLnBrk="0" hangingPunct="1">
              <a:lnSpc>
                <a:spcPct val="100000"/>
              </a:lnSpc>
              <a:spcBef>
                <a:spcPts val="598"/>
              </a:spcBef>
              <a:spcAft>
                <a:spcPts val="598"/>
              </a:spcAft>
              <a:buClrTx/>
              <a:buSzPct val="100000"/>
              <a:buFont typeface="Arial" panose="020B0604020202020204" pitchFamily="34" charset="0"/>
              <a:buNone/>
              <a:tabLst/>
              <a:defRPr/>
            </a:pPr>
            <a:br>
              <a:rPr lang="da-DK" noProof="0"/>
            </a:br>
            <a:br>
              <a:rPr lang="da-DK" noProof="0"/>
            </a:br>
            <a:r>
              <a:rPr lang="da-DK" noProof="0"/>
              <a:t>📸 </a:t>
            </a:r>
            <a:br>
              <a:rPr lang="da-DK" noProof="0"/>
            </a:br>
            <a:r>
              <a:rPr lang="da-DK" noProof="0"/>
              <a:t>1. Klik på kameraet for at markere pladsholderen     .   </a:t>
            </a:r>
            <a:br>
              <a:rPr lang="da-DK" noProof="0"/>
            </a:br>
            <a:r>
              <a:rPr lang="da-DK" noProof="0"/>
              <a:t>2. Vælg et billede fra </a:t>
            </a:r>
            <a:r>
              <a:rPr lang="da-DK" noProof="0" err="1"/>
              <a:t>Skyfish</a:t>
            </a:r>
            <a:r>
              <a:rPr lang="da-DK" noProof="0"/>
              <a:t> i Templafy opgaveruden </a:t>
            </a:r>
            <a:br>
              <a:rPr lang="da-DK" noProof="0"/>
            </a:br>
            <a:r>
              <a:rPr lang="da-DK" noProof="0"/>
              <a:t> ELLER slet pladsholderen for at bevare den blå baggrund</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9"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3"/>
          <a:srcRect r="84634"/>
          <a:stretch/>
        </p:blipFill>
        <p:spPr>
          <a:xfrm>
            <a:off x="5768791" y="275130"/>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1"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229758177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2" y="342900"/>
            <a:ext cx="9856991" cy="171734"/>
          </a:xfrm>
        </p:spPr>
        <p:txBody>
          <a:bodyPr anchor="ctr" anchorCtr="0"/>
          <a:lstStyle>
            <a:lvl1pPr marL="0" indent="0" algn="l">
              <a:spcBef>
                <a:spcPts val="0"/>
              </a:spcBef>
              <a:spcAft>
                <a:spcPts val="0"/>
              </a:spcAft>
              <a:buNone/>
              <a:defRPr sz="999" b="0" cap="all" baseline="0">
                <a:solidFill>
                  <a:schemeClr val="accent1"/>
                </a:solidFill>
                <a:latin typeface="+mj-lt"/>
              </a:defRPr>
            </a:lvl1pPr>
            <a:lvl2pPr marL="608348" indent="0" algn="ctr">
              <a:buNone/>
              <a:defRPr>
                <a:solidFill>
                  <a:schemeClr val="tx1">
                    <a:tint val="75000"/>
                  </a:schemeClr>
                </a:solidFill>
              </a:defRPr>
            </a:lvl2pPr>
            <a:lvl3pPr marL="1216700" indent="0" algn="ctr">
              <a:buNone/>
              <a:defRPr>
                <a:solidFill>
                  <a:schemeClr val="tx1">
                    <a:tint val="75000"/>
                  </a:schemeClr>
                </a:solidFill>
              </a:defRPr>
            </a:lvl3pPr>
            <a:lvl4pPr marL="1825049" indent="0" algn="ctr">
              <a:buNone/>
              <a:defRPr>
                <a:solidFill>
                  <a:schemeClr val="tx1">
                    <a:tint val="75000"/>
                  </a:schemeClr>
                </a:solidFill>
              </a:defRPr>
            </a:lvl4pPr>
            <a:lvl5pPr marL="2433398" indent="0" algn="ctr">
              <a:buNone/>
              <a:defRPr>
                <a:solidFill>
                  <a:schemeClr val="tx1">
                    <a:tint val="75000"/>
                  </a:schemeClr>
                </a:solidFill>
              </a:defRPr>
            </a:lvl5pPr>
            <a:lvl6pPr marL="3041749" indent="0" algn="ctr">
              <a:buNone/>
              <a:defRPr>
                <a:solidFill>
                  <a:schemeClr val="tx1">
                    <a:tint val="75000"/>
                  </a:schemeClr>
                </a:solidFill>
              </a:defRPr>
            </a:lvl6pPr>
            <a:lvl7pPr marL="3650097" indent="0" algn="ctr">
              <a:buNone/>
              <a:defRPr>
                <a:solidFill>
                  <a:schemeClr val="tx1">
                    <a:tint val="75000"/>
                  </a:schemeClr>
                </a:solidFill>
              </a:defRPr>
            </a:lvl7pPr>
            <a:lvl8pPr marL="4258447" indent="0" algn="ctr">
              <a:buNone/>
              <a:defRPr>
                <a:solidFill>
                  <a:schemeClr val="tx1">
                    <a:tint val="75000"/>
                  </a:schemeClr>
                </a:solidFill>
              </a:defRPr>
            </a:lvl8pPr>
            <a:lvl9pPr marL="4866798" indent="0" algn="ctr">
              <a:buNone/>
              <a:defRPr>
                <a:solidFill>
                  <a:schemeClr val="tx1">
                    <a:tint val="75000"/>
                  </a:schemeClr>
                </a:solidFill>
              </a:defRPr>
            </a:lvl9pPr>
          </a:lstStyle>
          <a:p>
            <a:r>
              <a:rPr lang="da-DK"/>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2" y="816178"/>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1" y="1980039"/>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6269566" y="1970247"/>
            <a:ext cx="5580000" cy="4535060"/>
          </a:xfrm>
        </p:spPr>
        <p:txBody>
          <a:bodyPr/>
          <a:lstStyle>
            <a:lvl1pPr>
              <a:defRPr/>
            </a:lvl1p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5" y="275130"/>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05442705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theme" Target="../theme/theme2.xml"/><Relationship Id="rId1" Type="http://schemas.openxmlformats.org/officeDocument/2006/relationships/slideLayout" Target="../slideLayouts/slideLayout2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26" name="Title Placeholder 1"/>
          <p:cNvSpPr>
            <a:spLocks noGrp="1" noChangeArrowheads="1"/>
          </p:cNvSpPr>
          <p:nvPr>
            <p:ph type="title"/>
          </p:nvPr>
        </p:nvSpPr>
        <p:spPr bwMode="auto">
          <a:xfrm>
            <a:off x="336315" y="804424"/>
            <a:ext cx="9878657" cy="1040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a:t>Klik for at tilføje Overskrift </a:t>
            </a:r>
            <a:br>
              <a:rPr lang="da-DK" noProof="0"/>
            </a:br>
            <a:r>
              <a:rPr lang="da-DK" noProof="0"/>
              <a:t>– evt. 2 linjer</a:t>
            </a:r>
          </a:p>
        </p:txBody>
      </p:sp>
      <p:sp>
        <p:nvSpPr>
          <p:cNvPr id="1027" name="Text Placeholder 2"/>
          <p:cNvSpPr>
            <a:spLocks noGrp="1" noChangeArrowheads="1"/>
          </p:cNvSpPr>
          <p:nvPr>
            <p:ph type="body" idx="1"/>
          </p:nvPr>
        </p:nvSpPr>
        <p:spPr bwMode="auto">
          <a:xfrm>
            <a:off x="336316" y="1987972"/>
            <a:ext cx="9878657" cy="4527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noProof="0"/>
              <a:t>Klik for at indsætte</a:t>
            </a:r>
          </a:p>
          <a:p>
            <a:pPr lvl="1"/>
            <a:r>
              <a:rPr lang="da-DK" noProof="0"/>
              <a:t>Andet niveau</a:t>
            </a:r>
          </a:p>
          <a:p>
            <a:pPr lvl="2"/>
            <a:r>
              <a:rPr lang="da-DK" noProof="0"/>
              <a:t>Tredje niveau</a:t>
            </a:r>
          </a:p>
          <a:p>
            <a:pPr lvl="3"/>
            <a:r>
              <a:rPr lang="da-DK" noProof="0"/>
              <a:t>Fjerde niveau</a:t>
            </a:r>
          </a:p>
          <a:p>
            <a:pPr lvl="4"/>
            <a:r>
              <a:rPr lang="da-DK" noProof="0"/>
              <a:t>Femte niveau</a:t>
            </a:r>
          </a:p>
          <a:p>
            <a:pPr lvl="4"/>
            <a:r>
              <a:rPr lang="da-DK" noProof="0"/>
              <a:t>Sjette niveau</a:t>
            </a:r>
          </a:p>
          <a:p>
            <a:pPr lvl="4"/>
            <a:r>
              <a:rPr lang="da-DK" noProof="0"/>
              <a:t>Syvende niveau</a:t>
            </a:r>
          </a:p>
          <a:p>
            <a:pPr lvl="4"/>
            <a:r>
              <a:rPr lang="da-DK" noProof="0"/>
              <a:t>Ottende niveau</a:t>
            </a:r>
          </a:p>
          <a:p>
            <a:pPr lvl="4"/>
            <a:r>
              <a:rPr lang="da-DK" noProof="0"/>
              <a:t>Niende niveau</a:t>
            </a:r>
          </a:p>
        </p:txBody>
      </p:sp>
      <p:sp>
        <p:nvSpPr>
          <p:cNvPr id="5" name="Slide Number Placeholder 8">
            <a:extLst>
              <a:ext uri="{FF2B5EF4-FFF2-40B4-BE49-F238E27FC236}">
                <a16:creationId xmlns:a16="http://schemas.microsoft.com/office/drawing/2014/main" id="{857A9DA8-C49D-C21B-EBFC-43F75ABD8910}"/>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9"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a:p>
        </p:txBody>
      </p:sp>
      <p:cxnSp>
        <p:nvCxnSpPr>
          <p:cNvPr id="23" name="Lige forbindelse 22">
            <a:extLst>
              <a:ext uri="{FF2B5EF4-FFF2-40B4-BE49-F238E27FC236}">
                <a16:creationId xmlns:a16="http://schemas.microsoft.com/office/drawing/2014/main" id="{7B9871E0-DE49-D6C2-90D3-AC3BA4F31A60}"/>
              </a:ext>
            </a:extLst>
          </p:cNvPr>
          <p:cNvCxnSpPr/>
          <p:nvPr userDrawn="1"/>
        </p:nvCxnSpPr>
        <p:spPr bwMode="auto">
          <a:xfrm>
            <a:off x="357981"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4" name="VDLogoHide1">
            <a:extLst>
              <a:ext uri="{FF2B5EF4-FFF2-40B4-BE49-F238E27FC236}">
                <a16:creationId xmlns:a16="http://schemas.microsoft.com/office/drawing/2014/main" id="{2F0A22B7-2C5D-DB23-B911-219DC8DFD3A5}"/>
              </a:ext>
            </a:extLst>
          </p:cNvPr>
          <p:cNvPicPr>
            <a:picLocks noChangeAspect="1"/>
          </p:cNvPicPr>
          <p:nvPr userDrawn="1"/>
        </p:nvPicPr>
        <p:blipFill rotWithShape="1">
          <a:blip r:embed="rId25"/>
          <a:srcRect r="84634"/>
          <a:stretch/>
        </p:blipFill>
        <p:spPr>
          <a:xfrm>
            <a:off x="11670580" y="286550"/>
            <a:ext cx="136760" cy="215392"/>
          </a:xfrm>
          <a:prstGeom prst="rect">
            <a:avLst/>
          </a:prstGeom>
        </p:spPr>
      </p:pic>
    </p:spTree>
    <p:extLst>
      <p:ext uri="{BB962C8B-B14F-4D97-AF65-F5344CB8AC3E}">
        <p14:creationId xmlns:p14="http://schemas.microsoft.com/office/powerpoint/2010/main" val="395014948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70" r:id="rId6"/>
    <p:sldLayoutId id="2147483677" r:id="rId7"/>
    <p:sldLayoutId id="2147483671" r:id="rId8"/>
    <p:sldLayoutId id="2147483666" r:id="rId9"/>
    <p:sldLayoutId id="2147483667" r:id="rId10"/>
    <p:sldLayoutId id="2147483668" r:id="rId11"/>
    <p:sldLayoutId id="2147483669" r:id="rId12"/>
    <p:sldLayoutId id="2147483674" r:id="rId13"/>
    <p:sldLayoutId id="2147483672" r:id="rId14"/>
    <p:sldLayoutId id="2147483673" r:id="rId15"/>
    <p:sldLayoutId id="2147483675" r:id="rId16"/>
    <p:sldLayoutId id="2147483676" r:id="rId17"/>
    <p:sldLayoutId id="2147483690" r:id="rId18"/>
    <p:sldLayoutId id="2147483691" r:id="rId19"/>
    <p:sldLayoutId id="2147483692" r:id="rId20"/>
    <p:sldLayoutId id="2147483693" r:id="rId21"/>
    <p:sldLayoutId id="2147483694" r:id="rId22"/>
    <p:sldLayoutId id="2147483695" r:id="rId23"/>
  </p:sldLayoutIdLst>
  <p:hf hdr="0" ftr="0" dt="0"/>
  <p:txStyles>
    <p:titleStyle>
      <a:lvl1pPr algn="l" rtl="0" eaLnBrk="1" fontAlgn="base" hangingPunct="1">
        <a:lnSpc>
          <a:spcPct val="88000"/>
        </a:lnSpc>
        <a:spcBef>
          <a:spcPct val="0"/>
        </a:spcBef>
        <a:spcAft>
          <a:spcPct val="0"/>
        </a:spcAft>
        <a:defRPr sz="3696"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3" b="1">
          <a:solidFill>
            <a:schemeClr val="tx1"/>
          </a:solidFill>
          <a:latin typeface="Arial" charset="0"/>
          <a:cs typeface="Arial" charset="0"/>
        </a:defRPr>
      </a:lvl2pPr>
      <a:lvl3pPr algn="l" rtl="0" eaLnBrk="1" fontAlgn="base" hangingPunct="1">
        <a:spcBef>
          <a:spcPct val="0"/>
        </a:spcBef>
        <a:spcAft>
          <a:spcPct val="0"/>
        </a:spcAft>
        <a:defRPr sz="4523" b="1">
          <a:solidFill>
            <a:schemeClr val="tx1"/>
          </a:solidFill>
          <a:latin typeface="Arial" charset="0"/>
          <a:cs typeface="Arial" charset="0"/>
        </a:defRPr>
      </a:lvl3pPr>
      <a:lvl4pPr algn="l" rtl="0" eaLnBrk="1" fontAlgn="base" hangingPunct="1">
        <a:spcBef>
          <a:spcPct val="0"/>
        </a:spcBef>
        <a:spcAft>
          <a:spcPct val="0"/>
        </a:spcAft>
        <a:defRPr sz="4523" b="1">
          <a:solidFill>
            <a:schemeClr val="tx1"/>
          </a:solidFill>
          <a:latin typeface="Arial" charset="0"/>
          <a:cs typeface="Arial" charset="0"/>
        </a:defRPr>
      </a:lvl4pPr>
      <a:lvl5pPr algn="l" rtl="0" eaLnBrk="1" fontAlgn="base" hangingPunct="1">
        <a:spcBef>
          <a:spcPct val="0"/>
        </a:spcBef>
        <a:spcAft>
          <a:spcPct val="0"/>
        </a:spcAft>
        <a:defRPr sz="4523" b="1">
          <a:solidFill>
            <a:schemeClr val="tx1"/>
          </a:solidFill>
          <a:latin typeface="Arial" charset="0"/>
          <a:cs typeface="Arial" charset="0"/>
        </a:defRPr>
      </a:lvl5pPr>
      <a:lvl6pPr marL="608348" algn="l" rtl="0" eaLnBrk="1" fontAlgn="base" hangingPunct="1">
        <a:spcBef>
          <a:spcPct val="0"/>
        </a:spcBef>
        <a:spcAft>
          <a:spcPct val="0"/>
        </a:spcAft>
        <a:defRPr sz="2928">
          <a:solidFill>
            <a:srgbClr val="50504B"/>
          </a:solidFill>
          <a:latin typeface="Arial" pitchFamily="34" charset="0"/>
        </a:defRPr>
      </a:lvl6pPr>
      <a:lvl7pPr marL="1216700" algn="l" rtl="0" eaLnBrk="1" fontAlgn="base" hangingPunct="1">
        <a:spcBef>
          <a:spcPct val="0"/>
        </a:spcBef>
        <a:spcAft>
          <a:spcPct val="0"/>
        </a:spcAft>
        <a:defRPr sz="2928">
          <a:solidFill>
            <a:srgbClr val="50504B"/>
          </a:solidFill>
          <a:latin typeface="Arial" pitchFamily="34" charset="0"/>
        </a:defRPr>
      </a:lvl7pPr>
      <a:lvl8pPr marL="1825049" algn="l" rtl="0" eaLnBrk="1" fontAlgn="base" hangingPunct="1">
        <a:spcBef>
          <a:spcPct val="0"/>
        </a:spcBef>
        <a:spcAft>
          <a:spcPct val="0"/>
        </a:spcAft>
        <a:defRPr sz="2928">
          <a:solidFill>
            <a:srgbClr val="50504B"/>
          </a:solidFill>
          <a:latin typeface="Arial" pitchFamily="34" charset="0"/>
        </a:defRPr>
      </a:lvl8pPr>
      <a:lvl9pPr marL="2433398" algn="l" rtl="0" eaLnBrk="1" fontAlgn="base" hangingPunct="1">
        <a:spcBef>
          <a:spcPct val="0"/>
        </a:spcBef>
        <a:spcAft>
          <a:spcPct val="0"/>
        </a:spcAft>
        <a:defRPr sz="2928">
          <a:solidFill>
            <a:srgbClr val="50504B"/>
          </a:solidFill>
          <a:latin typeface="Arial" pitchFamily="34" charset="0"/>
        </a:defRPr>
      </a:lvl9pPr>
    </p:titleStyle>
    <p:bodyStyle>
      <a:lvl1pPr marL="342557" indent="-342557" algn="l" rtl="0" eaLnBrk="1" fontAlgn="base" hangingPunct="1">
        <a:lnSpc>
          <a:spcPct val="100000"/>
        </a:lnSpc>
        <a:spcBef>
          <a:spcPts val="598"/>
        </a:spcBef>
        <a:spcAft>
          <a:spcPts val="598"/>
        </a:spcAft>
        <a:buSzPct val="100000"/>
        <a:buFont typeface="Arial" panose="020B0604020202020204" pitchFamily="34" charset="0"/>
        <a:buChar char="•"/>
        <a:defRPr sz="1997">
          <a:solidFill>
            <a:schemeClr val="tx1"/>
          </a:solidFill>
          <a:latin typeface="+mn-lt"/>
          <a:ea typeface="+mn-ea"/>
          <a:cs typeface="Arial" pitchFamily="34" charset="0"/>
        </a:defRPr>
      </a:lvl1pPr>
      <a:lvl2pPr marL="647050" indent="-285462" algn="l" rtl="0" eaLnBrk="1" fontAlgn="base" hangingPunct="1">
        <a:lnSpc>
          <a:spcPct val="100000"/>
        </a:lnSpc>
        <a:spcBef>
          <a:spcPts val="598"/>
        </a:spcBef>
        <a:spcAft>
          <a:spcPts val="598"/>
        </a:spcAft>
        <a:buSzPct val="100000"/>
        <a:buFont typeface="Arial" panose="020B0604020202020204" pitchFamily="34" charset="0"/>
        <a:buChar char="•"/>
        <a:defRPr sz="1797">
          <a:solidFill>
            <a:schemeClr val="tx1"/>
          </a:solidFill>
          <a:latin typeface="+mn-lt"/>
          <a:cs typeface="Arial" pitchFamily="34" charset="0"/>
        </a:defRPr>
      </a:lvl2pPr>
      <a:lvl3pPr marL="915070" indent="-285462" algn="l" rtl="0" eaLnBrk="1" fontAlgn="base" hangingPunct="1">
        <a:lnSpc>
          <a:spcPct val="100000"/>
        </a:lnSpc>
        <a:spcBef>
          <a:spcPts val="598"/>
        </a:spcBef>
        <a:spcAft>
          <a:spcPts val="598"/>
        </a:spcAft>
        <a:buSzPct val="100000"/>
        <a:buFont typeface="Arial" panose="020B0604020202020204" pitchFamily="34" charset="0"/>
        <a:buChar char="•"/>
        <a:defRPr sz="1597" i="1">
          <a:solidFill>
            <a:schemeClr val="tx1"/>
          </a:solidFill>
          <a:latin typeface="+mn-lt"/>
          <a:cs typeface="Arial" pitchFamily="34" charset="0"/>
        </a:defRPr>
      </a:lvl3pPr>
      <a:lvl4pPr marL="1181502" indent="-285462" algn="l" rtl="0" eaLnBrk="1" fontAlgn="base" hangingPunct="1">
        <a:lnSpc>
          <a:spcPct val="100000"/>
        </a:lnSpc>
        <a:spcBef>
          <a:spcPts val="598"/>
        </a:spcBef>
        <a:spcAft>
          <a:spcPts val="598"/>
        </a:spcAft>
        <a:buFont typeface="Arial" panose="020B0604020202020204" pitchFamily="34" charset="0"/>
        <a:buChar char="•"/>
        <a:defRPr sz="1597" i="1">
          <a:solidFill>
            <a:schemeClr val="tx1"/>
          </a:solidFill>
          <a:latin typeface="+mn-lt"/>
          <a:cs typeface="Arial" charset="0"/>
        </a:defRPr>
      </a:lvl4pPr>
      <a:lvl5pPr marL="1449522" marR="0" indent="-285462" algn="l" defTabSz="913484" rtl="0" eaLnBrk="1" fontAlgn="base" latinLnBrk="0" hangingPunct="1">
        <a:lnSpc>
          <a:spcPct val="100000"/>
        </a:lnSpc>
        <a:spcBef>
          <a:spcPts val="598"/>
        </a:spcBef>
        <a:spcAft>
          <a:spcPts val="598"/>
        </a:spcAft>
        <a:buClrTx/>
        <a:buSzTx/>
        <a:buFont typeface="Arial" panose="020B0604020202020204" pitchFamily="34" charset="0"/>
        <a:buChar char="•"/>
        <a:tabLst/>
        <a:defRPr sz="1597" i="1">
          <a:solidFill>
            <a:schemeClr val="tx1"/>
          </a:solidFill>
          <a:latin typeface="+mn-lt"/>
          <a:cs typeface="Arial" charset="0"/>
        </a:defRPr>
      </a:lvl5pPr>
      <a:lvl6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6pPr>
      <a:lvl7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7pPr>
      <a:lvl8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8pPr>
      <a:lvl9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9pPr>
    </p:bodyStyle>
    <p:otherStyle>
      <a:defPPr>
        <a:defRPr lang="da-DK"/>
      </a:defPPr>
      <a:lvl1pPr marL="0" algn="l" defTabSz="1216700" rtl="0" eaLnBrk="1" latinLnBrk="0" hangingPunct="1">
        <a:defRPr sz="2397" kern="1200">
          <a:solidFill>
            <a:schemeClr val="tx1"/>
          </a:solidFill>
          <a:latin typeface="+mn-lt"/>
          <a:ea typeface="+mn-ea"/>
          <a:cs typeface="+mn-cs"/>
        </a:defRPr>
      </a:lvl1pPr>
      <a:lvl2pPr marL="608348" algn="l" defTabSz="1216700" rtl="0" eaLnBrk="1" latinLnBrk="0" hangingPunct="1">
        <a:defRPr sz="2397" kern="1200">
          <a:solidFill>
            <a:schemeClr val="tx1"/>
          </a:solidFill>
          <a:latin typeface="+mn-lt"/>
          <a:ea typeface="+mn-ea"/>
          <a:cs typeface="+mn-cs"/>
        </a:defRPr>
      </a:lvl2pPr>
      <a:lvl3pPr marL="1216700" algn="l" defTabSz="1216700" rtl="0" eaLnBrk="1" latinLnBrk="0" hangingPunct="1">
        <a:defRPr sz="2397" kern="1200">
          <a:solidFill>
            <a:schemeClr val="tx1"/>
          </a:solidFill>
          <a:latin typeface="+mn-lt"/>
          <a:ea typeface="+mn-ea"/>
          <a:cs typeface="+mn-cs"/>
        </a:defRPr>
      </a:lvl3pPr>
      <a:lvl4pPr marL="1825049" algn="l" defTabSz="1216700" rtl="0" eaLnBrk="1" latinLnBrk="0" hangingPunct="1">
        <a:defRPr sz="2397" kern="1200">
          <a:solidFill>
            <a:schemeClr val="tx1"/>
          </a:solidFill>
          <a:latin typeface="+mn-lt"/>
          <a:ea typeface="+mn-ea"/>
          <a:cs typeface="+mn-cs"/>
        </a:defRPr>
      </a:lvl4pPr>
      <a:lvl5pPr marL="2433398" algn="l" defTabSz="1216700" rtl="0" eaLnBrk="1" latinLnBrk="0" hangingPunct="1">
        <a:defRPr sz="2397" kern="1200">
          <a:solidFill>
            <a:schemeClr val="tx1"/>
          </a:solidFill>
          <a:latin typeface="+mn-lt"/>
          <a:ea typeface="+mn-ea"/>
          <a:cs typeface="+mn-cs"/>
        </a:defRPr>
      </a:lvl5pPr>
      <a:lvl6pPr marL="3041749" algn="l" defTabSz="1216700" rtl="0" eaLnBrk="1" latinLnBrk="0" hangingPunct="1">
        <a:defRPr sz="2397" kern="1200">
          <a:solidFill>
            <a:schemeClr val="tx1"/>
          </a:solidFill>
          <a:latin typeface="+mn-lt"/>
          <a:ea typeface="+mn-ea"/>
          <a:cs typeface="+mn-cs"/>
        </a:defRPr>
      </a:lvl6pPr>
      <a:lvl7pPr marL="3650097" algn="l" defTabSz="1216700" rtl="0" eaLnBrk="1" latinLnBrk="0" hangingPunct="1">
        <a:defRPr sz="2397" kern="1200">
          <a:solidFill>
            <a:schemeClr val="tx1"/>
          </a:solidFill>
          <a:latin typeface="+mn-lt"/>
          <a:ea typeface="+mn-ea"/>
          <a:cs typeface="+mn-cs"/>
        </a:defRPr>
      </a:lvl7pPr>
      <a:lvl8pPr marL="4258447" algn="l" defTabSz="1216700" rtl="0" eaLnBrk="1" latinLnBrk="0" hangingPunct="1">
        <a:defRPr sz="2397" kern="1200">
          <a:solidFill>
            <a:schemeClr val="tx1"/>
          </a:solidFill>
          <a:latin typeface="+mn-lt"/>
          <a:ea typeface="+mn-ea"/>
          <a:cs typeface="+mn-cs"/>
        </a:defRPr>
      </a:lvl8pPr>
      <a:lvl9pPr marL="4866798" algn="l" defTabSz="1216700" rtl="0" eaLnBrk="1" latinLnBrk="0" hangingPunct="1">
        <a:defRPr sz="2397"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92" userDrawn="1">
          <p15:clr>
            <a:srgbClr val="000000"/>
          </p15:clr>
        </p15:guide>
        <p15:guide id="2" pos="3840" userDrawn="1">
          <p15:clr>
            <a:srgbClr val="000000"/>
          </p15:clr>
        </p15:guide>
        <p15:guide id="5" pos="507" userDrawn="1">
          <p15:clr>
            <a:srgbClr val="000000"/>
          </p15:clr>
        </p15:guide>
        <p15:guide id="6" pos="7171" userDrawn="1">
          <p15:clr>
            <a:srgbClr val="000000"/>
          </p15:clr>
        </p15:guide>
        <p15:guide id="7" orient="horz" pos="981" userDrawn="1">
          <p15:clr>
            <a:srgbClr val="000000"/>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26" name="Title Placeholder 1"/>
          <p:cNvSpPr>
            <a:spLocks noGrp="1" noChangeArrowheads="1"/>
          </p:cNvSpPr>
          <p:nvPr>
            <p:ph type="title"/>
          </p:nvPr>
        </p:nvSpPr>
        <p:spPr bwMode="auto">
          <a:xfrm>
            <a:off x="336320" y="804424"/>
            <a:ext cx="9878657" cy="1040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027" name="Text Placeholder 2"/>
          <p:cNvSpPr>
            <a:spLocks noGrp="1" noChangeArrowheads="1"/>
          </p:cNvSpPr>
          <p:nvPr>
            <p:ph type="body" idx="1"/>
          </p:nvPr>
        </p:nvSpPr>
        <p:spPr bwMode="auto">
          <a:xfrm>
            <a:off x="336321" y="1987972"/>
            <a:ext cx="9878657" cy="4527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4"/>
            <a:r>
              <a:rPr lang="da-DK" noProof="0" dirty="0"/>
              <a:t>Sjette niveau</a:t>
            </a:r>
          </a:p>
          <a:p>
            <a:pPr lvl="4"/>
            <a:r>
              <a:rPr lang="da-DK" noProof="0" dirty="0"/>
              <a:t>Syvende niveau</a:t>
            </a:r>
          </a:p>
          <a:p>
            <a:pPr lvl="4"/>
            <a:r>
              <a:rPr lang="da-DK" noProof="0" dirty="0"/>
              <a:t>Ottende niveau</a:t>
            </a:r>
          </a:p>
          <a:p>
            <a:pPr lvl="4"/>
            <a:r>
              <a:rPr lang="da-DK" noProof="0" dirty="0"/>
              <a:t>Niende niveau</a:t>
            </a:r>
          </a:p>
        </p:txBody>
      </p:sp>
      <p:sp>
        <p:nvSpPr>
          <p:cNvPr id="5" name="Slide Number Placeholder 8">
            <a:extLst>
              <a:ext uri="{FF2B5EF4-FFF2-40B4-BE49-F238E27FC236}">
                <a16:creationId xmlns:a16="http://schemas.microsoft.com/office/drawing/2014/main" id="{857A9DA8-C49D-C21B-EBFC-43F75ABD8910}"/>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994"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cxnSp>
        <p:nvCxnSpPr>
          <p:cNvPr id="23" name="Lige forbindelse 22">
            <a:extLst>
              <a:ext uri="{FF2B5EF4-FFF2-40B4-BE49-F238E27FC236}">
                <a16:creationId xmlns:a16="http://schemas.microsoft.com/office/drawing/2014/main" id="{7B9871E0-DE49-D6C2-90D3-AC3BA4F31A60}"/>
              </a:ext>
            </a:extLst>
          </p:cNvPr>
          <p:cNvCxnSpPr/>
          <p:nvPr userDrawn="1"/>
        </p:nvCxnSpPr>
        <p:spPr bwMode="auto">
          <a:xfrm>
            <a:off x="357986"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4" name="VDLogoHide1">
            <a:extLst>
              <a:ext uri="{FF2B5EF4-FFF2-40B4-BE49-F238E27FC236}">
                <a16:creationId xmlns:a16="http://schemas.microsoft.com/office/drawing/2014/main" id="{2F0A22B7-2C5D-DB23-B911-219DC8DFD3A5}"/>
              </a:ext>
            </a:extLst>
          </p:cNvPr>
          <p:cNvPicPr>
            <a:picLocks noChangeAspect="1"/>
          </p:cNvPicPr>
          <p:nvPr userDrawn="1"/>
        </p:nvPicPr>
        <p:blipFill rotWithShape="1">
          <a:blip r:embed="rId3"/>
          <a:srcRect r="84634"/>
          <a:stretch/>
        </p:blipFill>
        <p:spPr>
          <a:xfrm>
            <a:off x="11670580" y="286550"/>
            <a:ext cx="136760" cy="215392"/>
          </a:xfrm>
          <a:prstGeom prst="rect">
            <a:avLst/>
          </a:prstGeom>
        </p:spPr>
      </p:pic>
    </p:spTree>
    <p:extLst>
      <p:ext uri="{BB962C8B-B14F-4D97-AF65-F5344CB8AC3E}">
        <p14:creationId xmlns:p14="http://schemas.microsoft.com/office/powerpoint/2010/main" val="3950149487"/>
      </p:ext>
    </p:extLst>
  </p:cSld>
  <p:clrMap bg1="lt1" tx1="dk1" bg2="lt2" tx2="dk2" accent1="accent1" accent2="accent2" accent3="accent3" accent4="accent4" accent5="accent5" accent6="accent6" hlink="hlink" folHlink="folHlink"/>
  <p:sldLayoutIdLst>
    <p:sldLayoutId id="2147483697" r:id="rId1"/>
  </p:sldLayoutIdLst>
  <p:hf hdr="0" ftr="0" dt="0"/>
  <p:txStyles>
    <p:titleStyle>
      <a:lvl1pPr algn="l" rtl="0" eaLnBrk="1" fontAlgn="base" hangingPunct="1">
        <a:lnSpc>
          <a:spcPct val="88000"/>
        </a:lnSpc>
        <a:spcBef>
          <a:spcPct val="0"/>
        </a:spcBef>
        <a:spcAft>
          <a:spcPct val="0"/>
        </a:spcAft>
        <a:defRPr sz="3676"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498" b="1">
          <a:solidFill>
            <a:schemeClr val="tx1"/>
          </a:solidFill>
          <a:latin typeface="Arial" charset="0"/>
          <a:cs typeface="Arial" charset="0"/>
        </a:defRPr>
      </a:lvl2pPr>
      <a:lvl3pPr algn="l" rtl="0" eaLnBrk="1" fontAlgn="base" hangingPunct="1">
        <a:spcBef>
          <a:spcPct val="0"/>
        </a:spcBef>
        <a:spcAft>
          <a:spcPct val="0"/>
        </a:spcAft>
        <a:defRPr sz="4498" b="1">
          <a:solidFill>
            <a:schemeClr val="tx1"/>
          </a:solidFill>
          <a:latin typeface="Arial" charset="0"/>
          <a:cs typeface="Arial" charset="0"/>
        </a:defRPr>
      </a:lvl3pPr>
      <a:lvl4pPr algn="l" rtl="0" eaLnBrk="1" fontAlgn="base" hangingPunct="1">
        <a:spcBef>
          <a:spcPct val="0"/>
        </a:spcBef>
        <a:spcAft>
          <a:spcPct val="0"/>
        </a:spcAft>
        <a:defRPr sz="4498" b="1">
          <a:solidFill>
            <a:schemeClr val="tx1"/>
          </a:solidFill>
          <a:latin typeface="Arial" charset="0"/>
          <a:cs typeface="Arial" charset="0"/>
        </a:defRPr>
      </a:lvl4pPr>
      <a:lvl5pPr algn="l" rtl="0" eaLnBrk="1" fontAlgn="base" hangingPunct="1">
        <a:spcBef>
          <a:spcPct val="0"/>
        </a:spcBef>
        <a:spcAft>
          <a:spcPct val="0"/>
        </a:spcAft>
        <a:defRPr sz="4498" b="1">
          <a:solidFill>
            <a:schemeClr val="tx1"/>
          </a:solidFill>
          <a:latin typeface="Arial" charset="0"/>
          <a:cs typeface="Arial" charset="0"/>
        </a:defRPr>
      </a:lvl5pPr>
      <a:lvl6pPr marL="605312" algn="l" rtl="0" eaLnBrk="1" fontAlgn="base" hangingPunct="1">
        <a:spcBef>
          <a:spcPct val="0"/>
        </a:spcBef>
        <a:spcAft>
          <a:spcPct val="0"/>
        </a:spcAft>
        <a:defRPr sz="2913">
          <a:solidFill>
            <a:srgbClr val="50504B"/>
          </a:solidFill>
          <a:latin typeface="Arial" pitchFamily="34" charset="0"/>
        </a:defRPr>
      </a:lvl6pPr>
      <a:lvl7pPr marL="1210629" algn="l" rtl="0" eaLnBrk="1" fontAlgn="base" hangingPunct="1">
        <a:spcBef>
          <a:spcPct val="0"/>
        </a:spcBef>
        <a:spcAft>
          <a:spcPct val="0"/>
        </a:spcAft>
        <a:defRPr sz="2913">
          <a:solidFill>
            <a:srgbClr val="50504B"/>
          </a:solidFill>
          <a:latin typeface="Arial" pitchFamily="34" charset="0"/>
        </a:defRPr>
      </a:lvl7pPr>
      <a:lvl8pPr marL="1815942" algn="l" rtl="0" eaLnBrk="1" fontAlgn="base" hangingPunct="1">
        <a:spcBef>
          <a:spcPct val="0"/>
        </a:spcBef>
        <a:spcAft>
          <a:spcPct val="0"/>
        </a:spcAft>
        <a:defRPr sz="2913">
          <a:solidFill>
            <a:srgbClr val="50504B"/>
          </a:solidFill>
          <a:latin typeface="Arial" pitchFamily="34" charset="0"/>
        </a:defRPr>
      </a:lvl8pPr>
      <a:lvl9pPr marL="2421255" algn="l" rtl="0" eaLnBrk="1" fontAlgn="base" hangingPunct="1">
        <a:spcBef>
          <a:spcPct val="0"/>
        </a:spcBef>
        <a:spcAft>
          <a:spcPct val="0"/>
        </a:spcAft>
        <a:defRPr sz="2913">
          <a:solidFill>
            <a:srgbClr val="50504B"/>
          </a:solidFill>
          <a:latin typeface="Arial" pitchFamily="34" charset="0"/>
        </a:defRPr>
      </a:lvl9pPr>
    </p:titleStyle>
    <p:bodyStyle>
      <a:lvl1pPr marL="340847" indent="-340847" algn="l" rtl="0" eaLnBrk="1" fontAlgn="base" hangingPunct="1">
        <a:lnSpc>
          <a:spcPct val="100000"/>
        </a:lnSpc>
        <a:spcBef>
          <a:spcPts val="593"/>
        </a:spcBef>
        <a:spcAft>
          <a:spcPts val="593"/>
        </a:spcAft>
        <a:buSzPct val="100000"/>
        <a:buFont typeface="Arial" panose="020B0604020202020204" pitchFamily="34" charset="0"/>
        <a:buChar char="•"/>
        <a:defRPr sz="1987">
          <a:solidFill>
            <a:schemeClr val="tx1"/>
          </a:solidFill>
          <a:latin typeface="+mn-lt"/>
          <a:ea typeface="+mn-ea"/>
          <a:cs typeface="Arial" pitchFamily="34" charset="0"/>
        </a:defRPr>
      </a:lvl1pPr>
      <a:lvl2pPr marL="643822" indent="-284038" algn="l" rtl="0" eaLnBrk="1" fontAlgn="base" hangingPunct="1">
        <a:lnSpc>
          <a:spcPct val="100000"/>
        </a:lnSpc>
        <a:spcBef>
          <a:spcPts val="593"/>
        </a:spcBef>
        <a:spcAft>
          <a:spcPts val="593"/>
        </a:spcAft>
        <a:buSzPct val="100000"/>
        <a:buFont typeface="Arial" panose="020B0604020202020204" pitchFamily="34" charset="0"/>
        <a:buChar char="•"/>
        <a:defRPr sz="1787">
          <a:solidFill>
            <a:schemeClr val="tx1"/>
          </a:solidFill>
          <a:latin typeface="+mn-lt"/>
          <a:cs typeface="Arial" pitchFamily="34" charset="0"/>
        </a:defRPr>
      </a:lvl2pPr>
      <a:lvl3pPr marL="910505" indent="-284038" algn="l" rtl="0" eaLnBrk="1" fontAlgn="base" hangingPunct="1">
        <a:lnSpc>
          <a:spcPct val="100000"/>
        </a:lnSpc>
        <a:spcBef>
          <a:spcPts val="593"/>
        </a:spcBef>
        <a:spcAft>
          <a:spcPts val="593"/>
        </a:spcAft>
        <a:buSzPct val="100000"/>
        <a:buFont typeface="Arial" panose="020B0604020202020204" pitchFamily="34" charset="0"/>
        <a:buChar char="•"/>
        <a:defRPr sz="1587" i="1">
          <a:solidFill>
            <a:schemeClr val="tx1"/>
          </a:solidFill>
          <a:latin typeface="+mn-lt"/>
          <a:cs typeface="Arial" pitchFamily="34" charset="0"/>
        </a:defRPr>
      </a:lvl3pPr>
      <a:lvl4pPr marL="1175606" indent="-284038" algn="l" rtl="0" eaLnBrk="1" fontAlgn="base" hangingPunct="1">
        <a:lnSpc>
          <a:spcPct val="100000"/>
        </a:lnSpc>
        <a:spcBef>
          <a:spcPts val="593"/>
        </a:spcBef>
        <a:spcAft>
          <a:spcPts val="593"/>
        </a:spcAft>
        <a:buFont typeface="Arial" panose="020B0604020202020204" pitchFamily="34" charset="0"/>
        <a:buChar char="•"/>
        <a:defRPr sz="1587" i="1">
          <a:solidFill>
            <a:schemeClr val="tx1"/>
          </a:solidFill>
          <a:latin typeface="+mn-lt"/>
          <a:cs typeface="Arial" charset="0"/>
        </a:defRPr>
      </a:lvl4pPr>
      <a:lvl5pPr marL="1442288" marR="0" indent="-284038" algn="l" defTabSz="908925" rtl="0" eaLnBrk="1" fontAlgn="base" latinLnBrk="0" hangingPunct="1">
        <a:lnSpc>
          <a:spcPct val="100000"/>
        </a:lnSpc>
        <a:spcBef>
          <a:spcPts val="593"/>
        </a:spcBef>
        <a:spcAft>
          <a:spcPts val="593"/>
        </a:spcAft>
        <a:buClrTx/>
        <a:buSzTx/>
        <a:buFont typeface="Arial" panose="020B0604020202020204" pitchFamily="34" charset="0"/>
        <a:buChar char="•"/>
        <a:tabLst/>
        <a:defRPr sz="1587" i="1">
          <a:solidFill>
            <a:schemeClr val="tx1"/>
          </a:solidFill>
          <a:latin typeface="+mn-lt"/>
          <a:cs typeface="Arial" charset="0"/>
        </a:defRPr>
      </a:lvl5pPr>
      <a:lvl6pPr marL="2144868" indent="-250234" algn="l" rtl="0" eaLnBrk="1" fontAlgn="base" hangingPunct="1">
        <a:spcBef>
          <a:spcPts val="593"/>
        </a:spcBef>
        <a:spcAft>
          <a:spcPts val="593"/>
        </a:spcAft>
        <a:buFont typeface="Arial" panose="020B0604020202020204" pitchFamily="34" charset="0"/>
        <a:buChar char="•"/>
        <a:defRPr sz="1587" i="1">
          <a:solidFill>
            <a:schemeClr val="tx1"/>
          </a:solidFill>
          <a:latin typeface="+mn-lt"/>
        </a:defRPr>
      </a:lvl6pPr>
      <a:lvl7pPr marL="2144868" indent="-250234" algn="l" rtl="0" eaLnBrk="1" fontAlgn="base" hangingPunct="1">
        <a:spcBef>
          <a:spcPts val="593"/>
        </a:spcBef>
        <a:spcAft>
          <a:spcPts val="593"/>
        </a:spcAft>
        <a:buFont typeface="Arial" panose="020B0604020202020204" pitchFamily="34" charset="0"/>
        <a:buChar char="•"/>
        <a:defRPr sz="1587" i="1">
          <a:solidFill>
            <a:schemeClr val="tx1"/>
          </a:solidFill>
          <a:latin typeface="+mn-lt"/>
        </a:defRPr>
      </a:lvl7pPr>
      <a:lvl8pPr marL="2144868" indent="-250234" algn="l" rtl="0" eaLnBrk="1" fontAlgn="base" hangingPunct="1">
        <a:spcBef>
          <a:spcPts val="593"/>
        </a:spcBef>
        <a:spcAft>
          <a:spcPts val="593"/>
        </a:spcAft>
        <a:buFont typeface="Arial" panose="020B0604020202020204" pitchFamily="34" charset="0"/>
        <a:buChar char="•"/>
        <a:defRPr sz="1587" i="1">
          <a:solidFill>
            <a:schemeClr val="tx1"/>
          </a:solidFill>
          <a:latin typeface="+mn-lt"/>
        </a:defRPr>
      </a:lvl8pPr>
      <a:lvl9pPr marL="2144868" indent="-250234" algn="l" rtl="0" eaLnBrk="1" fontAlgn="base" hangingPunct="1">
        <a:spcBef>
          <a:spcPts val="593"/>
        </a:spcBef>
        <a:spcAft>
          <a:spcPts val="593"/>
        </a:spcAft>
        <a:buFont typeface="Arial" panose="020B0604020202020204" pitchFamily="34" charset="0"/>
        <a:buChar char="•"/>
        <a:defRPr sz="1587" i="1">
          <a:solidFill>
            <a:schemeClr val="tx1"/>
          </a:solidFill>
          <a:latin typeface="+mn-lt"/>
        </a:defRPr>
      </a:lvl9pPr>
    </p:bodyStyle>
    <p:otherStyle>
      <a:defPPr>
        <a:defRPr lang="da-DK"/>
      </a:defPPr>
      <a:lvl1pPr marL="0" algn="l" defTabSz="1210629" rtl="0" eaLnBrk="1" latinLnBrk="0" hangingPunct="1">
        <a:defRPr sz="2387" kern="1200">
          <a:solidFill>
            <a:schemeClr val="tx1"/>
          </a:solidFill>
          <a:latin typeface="+mn-lt"/>
          <a:ea typeface="+mn-ea"/>
          <a:cs typeface="+mn-cs"/>
        </a:defRPr>
      </a:lvl1pPr>
      <a:lvl2pPr marL="605312" algn="l" defTabSz="1210629" rtl="0" eaLnBrk="1" latinLnBrk="0" hangingPunct="1">
        <a:defRPr sz="2387" kern="1200">
          <a:solidFill>
            <a:schemeClr val="tx1"/>
          </a:solidFill>
          <a:latin typeface="+mn-lt"/>
          <a:ea typeface="+mn-ea"/>
          <a:cs typeface="+mn-cs"/>
        </a:defRPr>
      </a:lvl2pPr>
      <a:lvl3pPr marL="1210629" algn="l" defTabSz="1210629" rtl="0" eaLnBrk="1" latinLnBrk="0" hangingPunct="1">
        <a:defRPr sz="2387" kern="1200">
          <a:solidFill>
            <a:schemeClr val="tx1"/>
          </a:solidFill>
          <a:latin typeface="+mn-lt"/>
          <a:ea typeface="+mn-ea"/>
          <a:cs typeface="+mn-cs"/>
        </a:defRPr>
      </a:lvl3pPr>
      <a:lvl4pPr marL="1815942" algn="l" defTabSz="1210629" rtl="0" eaLnBrk="1" latinLnBrk="0" hangingPunct="1">
        <a:defRPr sz="2387" kern="1200">
          <a:solidFill>
            <a:schemeClr val="tx1"/>
          </a:solidFill>
          <a:latin typeface="+mn-lt"/>
          <a:ea typeface="+mn-ea"/>
          <a:cs typeface="+mn-cs"/>
        </a:defRPr>
      </a:lvl4pPr>
      <a:lvl5pPr marL="2421255" algn="l" defTabSz="1210629" rtl="0" eaLnBrk="1" latinLnBrk="0" hangingPunct="1">
        <a:defRPr sz="2387" kern="1200">
          <a:solidFill>
            <a:schemeClr val="tx1"/>
          </a:solidFill>
          <a:latin typeface="+mn-lt"/>
          <a:ea typeface="+mn-ea"/>
          <a:cs typeface="+mn-cs"/>
        </a:defRPr>
      </a:lvl5pPr>
      <a:lvl6pPr marL="3026569" algn="l" defTabSz="1210629" rtl="0" eaLnBrk="1" latinLnBrk="0" hangingPunct="1">
        <a:defRPr sz="2387" kern="1200">
          <a:solidFill>
            <a:schemeClr val="tx1"/>
          </a:solidFill>
          <a:latin typeface="+mn-lt"/>
          <a:ea typeface="+mn-ea"/>
          <a:cs typeface="+mn-cs"/>
        </a:defRPr>
      </a:lvl6pPr>
      <a:lvl7pPr marL="3631883" algn="l" defTabSz="1210629" rtl="0" eaLnBrk="1" latinLnBrk="0" hangingPunct="1">
        <a:defRPr sz="2387" kern="1200">
          <a:solidFill>
            <a:schemeClr val="tx1"/>
          </a:solidFill>
          <a:latin typeface="+mn-lt"/>
          <a:ea typeface="+mn-ea"/>
          <a:cs typeface="+mn-cs"/>
        </a:defRPr>
      </a:lvl7pPr>
      <a:lvl8pPr marL="4237198" algn="l" defTabSz="1210629" rtl="0" eaLnBrk="1" latinLnBrk="0" hangingPunct="1">
        <a:defRPr sz="2387" kern="1200">
          <a:solidFill>
            <a:schemeClr val="tx1"/>
          </a:solidFill>
          <a:latin typeface="+mn-lt"/>
          <a:ea typeface="+mn-ea"/>
          <a:cs typeface="+mn-cs"/>
        </a:defRPr>
      </a:lvl8pPr>
      <a:lvl9pPr marL="4842513" algn="l" defTabSz="1210629" rtl="0" eaLnBrk="1" latinLnBrk="0" hangingPunct="1">
        <a:defRPr sz="2387"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92" userDrawn="1">
          <p15:clr>
            <a:srgbClr val="000000"/>
          </p15:clr>
        </p15:guide>
        <p15:guide id="2" pos="3840" userDrawn="1">
          <p15:clr>
            <a:srgbClr val="000000"/>
          </p15:clr>
        </p15:guide>
        <p15:guide id="5" pos="507" userDrawn="1">
          <p15:clr>
            <a:srgbClr val="000000"/>
          </p15:clr>
        </p15:guide>
        <p15:guide id="6" pos="7171" userDrawn="1">
          <p15:clr>
            <a:srgbClr val="000000"/>
          </p15:clr>
        </p15:guide>
        <p15:guide id="7" orient="horz" pos="981" userDrawn="1">
          <p15:clr>
            <a:srgbClr val="000000"/>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21.xml"/><Relationship Id="rId4" Type="http://schemas.microsoft.com/office/2007/relationships/hdphoto" Target="../media/hdphoto1.wdp"/></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19.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8.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xml"/><Relationship Id="rId1" Type="http://schemas.openxmlformats.org/officeDocument/2006/relationships/slideLayout" Target="../slideLayouts/slideLayout21.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xml"/><Relationship Id="rId1" Type="http://schemas.openxmlformats.org/officeDocument/2006/relationships/tags" Target="../tags/tag3.xml"/><Relationship Id="rId4" Type="http://schemas.openxmlformats.org/officeDocument/2006/relationships/image" Target="../media/image8.jpeg"/></Relationships>
</file>

<file path=ppt/slides/_rels/slide9.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hyperlink" Target="https://creativecommons.org/licenses/by-nc-sa/3.0/" TargetMode="External"/><Relationship Id="rId4" Type="http://schemas.openxmlformats.org/officeDocument/2006/relationships/hyperlink" Target="https://historia-biografia.com/justicia/"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a:xfrm>
            <a:off x="467188" y="499442"/>
            <a:ext cx="11505484" cy="997868"/>
          </a:xfrm>
        </p:spPr>
        <p:txBody>
          <a:bodyPr/>
          <a:lstStyle/>
          <a:p>
            <a:r>
              <a:rPr lang="da-DK" b="0" dirty="0"/>
              <a:t>Udbud og tilbud fra ordregiver perspektiv</a:t>
            </a:r>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a:xfrm>
            <a:off x="467188" y="1497310"/>
            <a:ext cx="11381554" cy="640884"/>
          </a:xfrm>
        </p:spPr>
        <p:txBody>
          <a:bodyPr/>
          <a:lstStyle/>
          <a:p>
            <a:r>
              <a:rPr lang="da-DK" dirty="0"/>
              <a:t>D. 17.09.2024</a:t>
            </a:r>
          </a:p>
        </p:txBody>
      </p:sp>
    </p:spTree>
    <p:custDataLst>
      <p:tags r:id="rId1"/>
    </p:custDataLst>
    <p:extLst>
      <p:ext uri="{BB962C8B-B14F-4D97-AF65-F5344CB8AC3E}">
        <p14:creationId xmlns:p14="http://schemas.microsoft.com/office/powerpoint/2010/main" val="3592706748"/>
      </p:ext>
    </p:extLst>
  </p:cSld>
  <p:clrMapOvr>
    <a:masterClrMapping/>
  </p:clrMapOvr>
  <mc:AlternateContent xmlns:mc="http://schemas.openxmlformats.org/markup-compatibility/2006" xmlns:p14="http://schemas.microsoft.com/office/powerpoint/2010/main">
    <mc:Choice Requires="p14">
      <p:transition spd="slow" p14:dur="2000" advTm="86295"/>
    </mc:Choice>
    <mc:Fallback xmlns="">
      <p:transition spd="slow" advTm="86295"/>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Subtitle 1">
            <a:extLst>
              <a:ext uri="{FF2B5EF4-FFF2-40B4-BE49-F238E27FC236}">
                <a16:creationId xmlns:a16="http://schemas.microsoft.com/office/drawing/2014/main" id="{2186E0BB-DD5E-3D60-EDB7-2AD3F1690464}"/>
              </a:ext>
            </a:extLst>
          </p:cNvPr>
          <p:cNvSpPr>
            <a:spLocks noGrp="1"/>
          </p:cNvSpPr>
          <p:nvPr>
            <p:ph type="subTitle" idx="1"/>
          </p:nvPr>
        </p:nvSpPr>
        <p:spPr>
          <a:xfrm>
            <a:off x="357982" y="342900"/>
            <a:ext cx="9856991" cy="171734"/>
          </a:xfrm>
        </p:spPr>
        <p:txBody>
          <a:bodyPr/>
          <a:lstStyle/>
          <a:p>
            <a:r>
              <a:rPr lang="en-US" dirty="0" err="1"/>
              <a:t>Punkt</a:t>
            </a:r>
            <a:r>
              <a:rPr lang="en-US" dirty="0"/>
              <a:t> 4. </a:t>
            </a:r>
            <a:r>
              <a:rPr lang="en-US" dirty="0" err="1"/>
              <a:t>Ordregivers</a:t>
            </a:r>
            <a:r>
              <a:rPr lang="en-US" dirty="0"/>
              <a:t> </a:t>
            </a:r>
            <a:r>
              <a:rPr lang="en-US" dirty="0" err="1"/>
              <a:t>forventninger</a:t>
            </a:r>
            <a:endParaRPr lang="en-US" dirty="0"/>
          </a:p>
        </p:txBody>
      </p:sp>
      <p:sp>
        <p:nvSpPr>
          <p:cNvPr id="22" name="Title 2">
            <a:extLst>
              <a:ext uri="{FF2B5EF4-FFF2-40B4-BE49-F238E27FC236}">
                <a16:creationId xmlns:a16="http://schemas.microsoft.com/office/drawing/2014/main" id="{4E440AAA-0BDC-C479-C005-D8ADDAC6E224}"/>
              </a:ext>
            </a:extLst>
          </p:cNvPr>
          <p:cNvSpPr>
            <a:spLocks noGrp="1"/>
          </p:cNvSpPr>
          <p:nvPr>
            <p:ph type="title"/>
          </p:nvPr>
        </p:nvSpPr>
        <p:spPr>
          <a:xfrm>
            <a:off x="337088" y="816178"/>
            <a:ext cx="9877880" cy="968391"/>
          </a:xfrm>
        </p:spPr>
        <p:txBody>
          <a:bodyPr/>
          <a:lstStyle/>
          <a:p>
            <a:r>
              <a:rPr lang="da-DK" dirty="0"/>
              <a:t>Ordregivers forventninger</a:t>
            </a:r>
            <a:endParaRPr lang="en-US" dirty="0"/>
          </a:p>
        </p:txBody>
      </p:sp>
      <p:pic>
        <p:nvPicPr>
          <p:cNvPr id="24" name="Picture 11">
            <a:extLst>
              <a:ext uri="{FF2B5EF4-FFF2-40B4-BE49-F238E27FC236}">
                <a16:creationId xmlns:a16="http://schemas.microsoft.com/office/drawing/2014/main" id="{D6176ECB-BC44-CDCE-75D1-31CDC8C2FF14}"/>
              </a:ext>
            </a:extLst>
          </p:cNvPr>
          <p:cNvPicPr>
            <a:picLocks noChangeAspect="1"/>
          </p:cNvPicPr>
          <p:nvPr/>
        </p:nvPicPr>
        <p:blipFill rotWithShape="1">
          <a:blip r:embed="rId2"/>
          <a:srcRect t="30100" r="1" b="5004"/>
          <a:stretch/>
        </p:blipFill>
        <p:spPr>
          <a:xfrm>
            <a:off x="337867" y="1980039"/>
            <a:ext cx="9877101" cy="4535060"/>
          </a:xfrm>
          <a:prstGeom prst="rect">
            <a:avLst/>
          </a:prstGeom>
          <a:noFill/>
        </p:spPr>
      </p:pic>
      <p:sp>
        <p:nvSpPr>
          <p:cNvPr id="6" name="Pladsholder til slidenummer 5">
            <a:extLst>
              <a:ext uri="{FF2B5EF4-FFF2-40B4-BE49-F238E27FC236}">
                <a16:creationId xmlns:a16="http://schemas.microsoft.com/office/drawing/2014/main" id="{5793EB0B-45FF-E008-E3F9-4F8F7A79CF74}"/>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10</a:t>
            </a:fld>
            <a:endParaRPr lang="da-DK"/>
          </a:p>
        </p:txBody>
      </p:sp>
    </p:spTree>
    <p:extLst>
      <p:ext uri="{BB962C8B-B14F-4D97-AF65-F5344CB8AC3E}">
        <p14:creationId xmlns:p14="http://schemas.microsoft.com/office/powerpoint/2010/main" val="685595701"/>
      </p:ext>
    </p:extLst>
  </p:cSld>
  <p:clrMapOvr>
    <a:masterClrMapping/>
  </p:clrMapOvr>
  <mc:AlternateContent xmlns:mc="http://schemas.openxmlformats.org/markup-compatibility/2006" xmlns:p14="http://schemas.microsoft.com/office/powerpoint/2010/main">
    <mc:Choice Requires="p14">
      <p:transition spd="slow" p14:dur="2000" advTm="14721"/>
    </mc:Choice>
    <mc:Fallback xmlns="">
      <p:transition spd="slow" advTm="14721"/>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D4D646CB-5A48-EC3B-4890-FA5AFB82BC2D}"/>
              </a:ext>
            </a:extLst>
          </p:cNvPr>
          <p:cNvSpPr>
            <a:spLocks noGrp="1"/>
          </p:cNvSpPr>
          <p:nvPr>
            <p:ph type="subTitle" idx="1"/>
          </p:nvPr>
        </p:nvSpPr>
        <p:spPr>
          <a:xfrm>
            <a:off x="357982" y="342900"/>
            <a:ext cx="9856991" cy="171734"/>
          </a:xfrm>
        </p:spPr>
        <p:txBody>
          <a:bodyPr wrap="square" anchor="ctr">
            <a:normAutofit/>
          </a:bodyPr>
          <a:lstStyle/>
          <a:p>
            <a:pPr>
              <a:spcAft>
                <a:spcPts val="600"/>
              </a:spcAft>
            </a:pPr>
            <a:r>
              <a:rPr lang="da-DK" dirty="0"/>
              <a:t>Punkt 4. Ordregivers forventninger</a:t>
            </a:r>
          </a:p>
        </p:txBody>
      </p:sp>
      <p:sp>
        <p:nvSpPr>
          <p:cNvPr id="3" name="Titel 2">
            <a:extLst>
              <a:ext uri="{FF2B5EF4-FFF2-40B4-BE49-F238E27FC236}">
                <a16:creationId xmlns:a16="http://schemas.microsoft.com/office/drawing/2014/main" id="{D0E2A0CA-BB77-DE38-918F-74ADD3DB1543}"/>
              </a:ext>
            </a:extLst>
          </p:cNvPr>
          <p:cNvSpPr>
            <a:spLocks noGrp="1"/>
          </p:cNvSpPr>
          <p:nvPr>
            <p:ph type="title"/>
          </p:nvPr>
        </p:nvSpPr>
        <p:spPr>
          <a:xfrm>
            <a:off x="337092" y="816178"/>
            <a:ext cx="11525659" cy="968391"/>
          </a:xfrm>
        </p:spPr>
        <p:txBody>
          <a:bodyPr wrap="square" anchor="ctr">
            <a:normAutofit/>
          </a:bodyPr>
          <a:lstStyle/>
          <a:p>
            <a:r>
              <a:rPr lang="da-DK" sz="3400"/>
              <a:t>Ordregivers behov og hensyn</a:t>
            </a:r>
            <a:br>
              <a:rPr lang="da-DK" sz="3400"/>
            </a:br>
            <a:endParaRPr lang="da-DK" sz="3400"/>
          </a:p>
        </p:txBody>
      </p:sp>
      <p:sp>
        <p:nvSpPr>
          <p:cNvPr id="4" name="Pladsholder til indhold 3">
            <a:extLst>
              <a:ext uri="{FF2B5EF4-FFF2-40B4-BE49-F238E27FC236}">
                <a16:creationId xmlns:a16="http://schemas.microsoft.com/office/drawing/2014/main" id="{32AC2731-49DA-AF55-0EBA-BE4BF936EFB9}"/>
              </a:ext>
            </a:extLst>
          </p:cNvPr>
          <p:cNvSpPr>
            <a:spLocks noGrp="1"/>
          </p:cNvSpPr>
          <p:nvPr>
            <p:ph sz="quarter" idx="21"/>
          </p:nvPr>
        </p:nvSpPr>
        <p:spPr>
          <a:xfrm>
            <a:off x="337871" y="1980039"/>
            <a:ext cx="5580000" cy="4535060"/>
          </a:xfrm>
        </p:spPr>
        <p:txBody>
          <a:bodyPr wrap="square" anchor="t">
            <a:normAutofit/>
          </a:bodyPr>
          <a:lstStyle/>
          <a:p>
            <a:pPr lvl="1">
              <a:lnSpc>
                <a:spcPct val="150000"/>
              </a:lnSpc>
            </a:pPr>
            <a:r>
              <a:rPr lang="da-DK" sz="2000" dirty="0"/>
              <a:t>Forretningens tekniske, kompetence- og ressourcemæssige behov</a:t>
            </a:r>
          </a:p>
          <a:p>
            <a:pPr lvl="1">
              <a:lnSpc>
                <a:spcPct val="150000"/>
              </a:lnSpc>
            </a:pPr>
            <a:r>
              <a:rPr lang="da-DK" sz="2000" dirty="0"/>
              <a:t>Hensyn til budget/økonomi</a:t>
            </a:r>
          </a:p>
          <a:p>
            <a:pPr lvl="1">
              <a:lnSpc>
                <a:spcPct val="150000"/>
              </a:lnSpc>
            </a:pPr>
            <a:r>
              <a:rPr lang="da-DK" sz="2000" dirty="0"/>
              <a:t>Hensyn til tid og kvalitet </a:t>
            </a:r>
          </a:p>
          <a:p>
            <a:pPr lvl="1">
              <a:lnSpc>
                <a:spcPct val="150000"/>
              </a:lnSpc>
            </a:pPr>
            <a:r>
              <a:rPr lang="da-DK" sz="2000" dirty="0"/>
              <a:t>Hensyn til politiske dagsordner </a:t>
            </a:r>
          </a:p>
          <a:p>
            <a:endParaRPr lang="da-DK" dirty="0"/>
          </a:p>
          <a:p>
            <a:endParaRPr lang="da-DK" dirty="0"/>
          </a:p>
        </p:txBody>
      </p:sp>
      <p:pic>
        <p:nvPicPr>
          <p:cNvPr id="15" name="Pladsholder til indhold 14" descr="Et billede, der indeholder mønster, Motiv, kunst, gulv&#10;&#10;Automatisk genereret beskrivelse">
            <a:extLst>
              <a:ext uri="{FF2B5EF4-FFF2-40B4-BE49-F238E27FC236}">
                <a16:creationId xmlns:a16="http://schemas.microsoft.com/office/drawing/2014/main" id="{596E27D4-8BC5-F5B9-539C-1BA0AE45CB0B}"/>
              </a:ext>
            </a:extLst>
          </p:cNvPr>
          <p:cNvPicPr>
            <a:picLocks noGrp="1" noChangeAspect="1"/>
          </p:cNvPicPr>
          <p:nvPr>
            <p:ph sz="quarter" idx="22"/>
          </p:nvPr>
        </p:nvPicPr>
        <p:blipFill>
          <a:blip r:embed="rId3">
            <a:extLst>
              <a:ext uri="{BEBA8EAE-BF5A-486C-A8C5-ECC9F3942E4B}">
                <a14:imgProps xmlns:a14="http://schemas.microsoft.com/office/drawing/2010/main">
                  <a14:imgLayer r:embed="rId4">
                    <a14:imgEffect>
                      <a14:artisticGlowDiffused/>
                    </a14:imgEffect>
                  </a14:imgLayer>
                </a14:imgProps>
              </a:ext>
              <a:ext uri="{28A0092B-C50C-407E-A947-70E740481C1C}">
                <a14:useLocalDpi xmlns:a14="http://schemas.microsoft.com/office/drawing/2010/main" val="0"/>
              </a:ext>
            </a:extLst>
          </a:blip>
          <a:srcRect l="11286" r="6582" b="-1"/>
          <a:stretch/>
        </p:blipFill>
        <p:spPr>
          <a:xfrm>
            <a:off x="6269566" y="1970247"/>
            <a:ext cx="5580000" cy="4535060"/>
          </a:xfrm>
          <a:noFill/>
        </p:spPr>
      </p:pic>
      <p:sp>
        <p:nvSpPr>
          <p:cNvPr id="6" name="Pladsholder til slidenummer 5">
            <a:extLst>
              <a:ext uri="{FF2B5EF4-FFF2-40B4-BE49-F238E27FC236}">
                <a16:creationId xmlns:a16="http://schemas.microsoft.com/office/drawing/2014/main" id="{25AF9301-A9CC-BEB5-1E0E-B0DD125EBBB2}"/>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11</a:t>
            </a:fld>
            <a:endParaRPr lang="da-DK"/>
          </a:p>
        </p:txBody>
      </p:sp>
    </p:spTree>
    <p:extLst>
      <p:ext uri="{BB962C8B-B14F-4D97-AF65-F5344CB8AC3E}">
        <p14:creationId xmlns:p14="http://schemas.microsoft.com/office/powerpoint/2010/main" val="2524473594"/>
      </p:ext>
    </p:extLst>
  </p:cSld>
  <p:clrMapOvr>
    <a:masterClrMapping/>
  </p:clrMapOvr>
  <mc:AlternateContent xmlns:mc="http://schemas.openxmlformats.org/markup-compatibility/2006" xmlns:p14="http://schemas.microsoft.com/office/powerpoint/2010/main">
    <mc:Choice Requires="p14">
      <p:transition spd="slow" p14:dur="2000" advTm="314594"/>
    </mc:Choice>
    <mc:Fallback xmlns="">
      <p:transition spd="slow" advTm="314594"/>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39B7DB10-F2B8-9C4F-F210-20268C8BA247}"/>
              </a:ext>
            </a:extLst>
          </p:cNvPr>
          <p:cNvSpPr>
            <a:spLocks noGrp="1"/>
          </p:cNvSpPr>
          <p:nvPr>
            <p:ph type="subTitle" idx="1"/>
          </p:nvPr>
        </p:nvSpPr>
        <p:spPr>
          <a:xfrm>
            <a:off x="357982" y="304800"/>
            <a:ext cx="9856991" cy="171734"/>
          </a:xfrm>
        </p:spPr>
        <p:txBody>
          <a:bodyPr/>
          <a:lstStyle/>
          <a:p>
            <a:r>
              <a:rPr lang="da-DK" dirty="0"/>
              <a:t>Punkt 4. Ordregivers forventninger</a:t>
            </a:r>
          </a:p>
        </p:txBody>
      </p:sp>
      <p:sp>
        <p:nvSpPr>
          <p:cNvPr id="3" name="Titel 2">
            <a:extLst>
              <a:ext uri="{FF2B5EF4-FFF2-40B4-BE49-F238E27FC236}">
                <a16:creationId xmlns:a16="http://schemas.microsoft.com/office/drawing/2014/main" id="{42281728-FAB6-55D4-8A18-99D5AD280D43}"/>
              </a:ext>
            </a:extLst>
          </p:cNvPr>
          <p:cNvSpPr>
            <a:spLocks noGrp="1"/>
          </p:cNvSpPr>
          <p:nvPr>
            <p:ph type="title"/>
          </p:nvPr>
        </p:nvSpPr>
        <p:spPr/>
        <p:txBody>
          <a:bodyPr/>
          <a:lstStyle/>
          <a:p>
            <a:r>
              <a:rPr lang="da-DK" dirty="0"/>
              <a:t>Ordregivers forventninger</a:t>
            </a:r>
          </a:p>
        </p:txBody>
      </p:sp>
      <p:sp>
        <p:nvSpPr>
          <p:cNvPr id="4" name="Pladsholder til indhold 3">
            <a:extLst>
              <a:ext uri="{FF2B5EF4-FFF2-40B4-BE49-F238E27FC236}">
                <a16:creationId xmlns:a16="http://schemas.microsoft.com/office/drawing/2014/main" id="{2AF62AE9-C949-A10D-15EF-BA42D56A0203}"/>
              </a:ext>
            </a:extLst>
          </p:cNvPr>
          <p:cNvSpPr>
            <a:spLocks noGrp="1"/>
          </p:cNvSpPr>
          <p:nvPr>
            <p:ph sz="quarter" idx="21"/>
          </p:nvPr>
        </p:nvSpPr>
        <p:spPr/>
        <p:txBody>
          <a:bodyPr/>
          <a:lstStyle/>
          <a:p>
            <a:r>
              <a:rPr lang="da-DK" sz="2000" b="1" dirty="0"/>
              <a:t>Fokus på at sikre en sund konkurrence </a:t>
            </a:r>
          </a:p>
          <a:p>
            <a:pPr lvl="1"/>
            <a:r>
              <a:rPr lang="da-DK" sz="1800" dirty="0"/>
              <a:t>Anvende fleksibilitet udbudsformer og nye samarbejdsformer tidlig leverandør inddragelse i vores bygge og anlægsprojekter</a:t>
            </a:r>
          </a:p>
          <a:p>
            <a:pPr lvl="1"/>
            <a:r>
              <a:rPr lang="da-DK" sz="1800" dirty="0"/>
              <a:t>Anvende effektive evalueringsmodel for at sikre optimal konkurrence og at det er den rigtige vinder der får tildelt kontrakten – undgå prisspekulation! </a:t>
            </a:r>
          </a:p>
          <a:p>
            <a:r>
              <a:rPr lang="da-DK" sz="2000" b="1" dirty="0"/>
              <a:t>Fokus på sund forretning for vores leverandør</a:t>
            </a:r>
            <a:r>
              <a:rPr lang="da-DK" sz="2000" dirty="0"/>
              <a:t> – det er i vores interesse i at vores leverandør tjener penge med henblik på et godt samarbejde i gennem hele kontraktperioden. </a:t>
            </a:r>
          </a:p>
          <a:p>
            <a:pPr lvl="1"/>
            <a:r>
              <a:rPr lang="da-DK" sz="1800" dirty="0"/>
              <a:t>Anvende Åben-bog princip i afregningsform</a:t>
            </a:r>
          </a:p>
          <a:p>
            <a:pPr lvl="1"/>
            <a:r>
              <a:rPr lang="da-DK" sz="1800" dirty="0"/>
              <a:t>Et løfte-baseret pris- og kompetencefordeling i prislisterne</a:t>
            </a:r>
          </a:p>
          <a:p>
            <a:r>
              <a:rPr lang="da-DK" sz="2000" b="1" dirty="0"/>
              <a:t>Fokus på den gode samarbejde</a:t>
            </a:r>
            <a:r>
              <a:rPr lang="da-DK" sz="2000" dirty="0"/>
              <a:t> - </a:t>
            </a:r>
            <a:r>
              <a:rPr lang="da-DK" sz="2000"/>
              <a:t>i gennem afbalancerede </a:t>
            </a:r>
            <a:r>
              <a:rPr lang="da-DK" sz="2000" dirty="0"/>
              <a:t>kontrakter</a:t>
            </a:r>
          </a:p>
        </p:txBody>
      </p:sp>
      <p:sp>
        <p:nvSpPr>
          <p:cNvPr id="5" name="Pladsholder til slidenummer 4">
            <a:extLst>
              <a:ext uri="{FF2B5EF4-FFF2-40B4-BE49-F238E27FC236}">
                <a16:creationId xmlns:a16="http://schemas.microsoft.com/office/drawing/2014/main" id="{EC2BE426-F605-0C6B-2CA5-FC6273F5CE0D}"/>
              </a:ext>
            </a:extLst>
          </p:cNvPr>
          <p:cNvSpPr>
            <a:spLocks noGrp="1"/>
          </p:cNvSpPr>
          <p:nvPr>
            <p:ph type="sldNum" sz="quarter" idx="14"/>
          </p:nvPr>
        </p:nvSpPr>
        <p:spPr/>
        <p:txBody>
          <a:bodyPr/>
          <a:lstStyle/>
          <a:p>
            <a:fld id="{6ACBDE86-91AD-4605-99AD-6345013A9E73}" type="slidenum">
              <a:rPr lang="da-DK" smtClean="0"/>
              <a:pPr/>
              <a:t>12</a:t>
            </a:fld>
            <a:endParaRPr lang="da-DK"/>
          </a:p>
        </p:txBody>
      </p:sp>
    </p:spTree>
    <p:extLst>
      <p:ext uri="{BB962C8B-B14F-4D97-AF65-F5344CB8AC3E}">
        <p14:creationId xmlns:p14="http://schemas.microsoft.com/office/powerpoint/2010/main" val="1443557190"/>
      </p:ext>
    </p:extLst>
  </p:cSld>
  <p:clrMapOvr>
    <a:masterClrMapping/>
  </p:clrMapOvr>
  <mc:AlternateContent xmlns:mc="http://schemas.openxmlformats.org/markup-compatibility/2006" xmlns:p14="http://schemas.microsoft.com/office/powerpoint/2010/main">
    <mc:Choice Requires="p14">
      <p:transition spd="slow" p14:dur="2000" advTm="414204"/>
    </mc:Choice>
    <mc:Fallback xmlns="">
      <p:transition spd="slow" advTm="414204"/>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Subtitle 1">
            <a:extLst>
              <a:ext uri="{FF2B5EF4-FFF2-40B4-BE49-F238E27FC236}">
                <a16:creationId xmlns:a16="http://schemas.microsoft.com/office/drawing/2014/main" id="{2186E0BB-DD5E-3D60-EDB7-2AD3F1690464}"/>
              </a:ext>
            </a:extLst>
          </p:cNvPr>
          <p:cNvSpPr>
            <a:spLocks noGrp="1"/>
          </p:cNvSpPr>
          <p:nvPr>
            <p:ph type="subTitle" idx="1"/>
          </p:nvPr>
        </p:nvSpPr>
        <p:spPr>
          <a:xfrm>
            <a:off x="357982" y="342900"/>
            <a:ext cx="9856991" cy="171734"/>
          </a:xfrm>
        </p:spPr>
        <p:txBody>
          <a:bodyPr wrap="square" anchor="ctr">
            <a:normAutofit/>
          </a:bodyPr>
          <a:lstStyle/>
          <a:p>
            <a:pPr>
              <a:spcAft>
                <a:spcPts val="600"/>
              </a:spcAft>
            </a:pPr>
            <a:r>
              <a:rPr lang="en-US"/>
              <a:t>Punkt 5. udbudsretlige udfordringer</a:t>
            </a:r>
          </a:p>
        </p:txBody>
      </p:sp>
      <p:sp>
        <p:nvSpPr>
          <p:cNvPr id="22" name="Title 2">
            <a:extLst>
              <a:ext uri="{FF2B5EF4-FFF2-40B4-BE49-F238E27FC236}">
                <a16:creationId xmlns:a16="http://schemas.microsoft.com/office/drawing/2014/main" id="{4E440AAA-0BDC-C479-C005-D8ADDAC6E224}"/>
              </a:ext>
            </a:extLst>
          </p:cNvPr>
          <p:cNvSpPr>
            <a:spLocks noGrp="1"/>
          </p:cNvSpPr>
          <p:nvPr>
            <p:ph type="title"/>
          </p:nvPr>
        </p:nvSpPr>
        <p:spPr>
          <a:xfrm>
            <a:off x="337088" y="816178"/>
            <a:ext cx="9877880" cy="968391"/>
          </a:xfrm>
        </p:spPr>
        <p:txBody>
          <a:bodyPr wrap="square" anchor="ctr">
            <a:normAutofit/>
          </a:bodyPr>
          <a:lstStyle/>
          <a:p>
            <a:r>
              <a:rPr lang="da-DK" dirty="0"/>
              <a:t>Udbudsretlige udfordringer</a:t>
            </a:r>
            <a:endParaRPr lang="en-US" dirty="0"/>
          </a:p>
        </p:txBody>
      </p:sp>
      <p:pic>
        <p:nvPicPr>
          <p:cNvPr id="24" name="Picture 11">
            <a:extLst>
              <a:ext uri="{FF2B5EF4-FFF2-40B4-BE49-F238E27FC236}">
                <a16:creationId xmlns:a16="http://schemas.microsoft.com/office/drawing/2014/main" id="{D6176ECB-BC44-CDCE-75D1-31CDC8C2FF14}"/>
              </a:ext>
            </a:extLst>
          </p:cNvPr>
          <p:cNvPicPr>
            <a:picLocks noChangeAspect="1"/>
          </p:cNvPicPr>
          <p:nvPr/>
        </p:nvPicPr>
        <p:blipFill>
          <a:blip r:embed="rId2">
            <a:extLst>
              <a:ext uri="{28A0092B-C50C-407E-A947-70E740481C1C}">
                <a14:useLocalDpi xmlns:a14="http://schemas.microsoft.com/office/drawing/2010/main" val="0"/>
              </a:ext>
            </a:extLst>
          </a:blip>
          <a:srcRect t="15477" r="1" b="15478"/>
          <a:stretch/>
        </p:blipFill>
        <p:spPr>
          <a:xfrm>
            <a:off x="337867" y="1980039"/>
            <a:ext cx="9877101" cy="4535060"/>
          </a:xfrm>
          <a:prstGeom prst="rect">
            <a:avLst/>
          </a:prstGeom>
          <a:noFill/>
        </p:spPr>
      </p:pic>
      <p:sp>
        <p:nvSpPr>
          <p:cNvPr id="6" name="Pladsholder til slidenummer 5">
            <a:extLst>
              <a:ext uri="{FF2B5EF4-FFF2-40B4-BE49-F238E27FC236}">
                <a16:creationId xmlns:a16="http://schemas.microsoft.com/office/drawing/2014/main" id="{5793EB0B-45FF-E008-E3F9-4F8F7A79CF74}"/>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13</a:t>
            </a:fld>
            <a:endParaRPr lang="da-DK"/>
          </a:p>
        </p:txBody>
      </p:sp>
    </p:spTree>
    <p:extLst>
      <p:ext uri="{BB962C8B-B14F-4D97-AF65-F5344CB8AC3E}">
        <p14:creationId xmlns:p14="http://schemas.microsoft.com/office/powerpoint/2010/main" val="338664029"/>
      </p:ext>
    </p:extLst>
  </p:cSld>
  <p:clrMapOvr>
    <a:masterClrMapping/>
  </p:clrMapOvr>
  <mc:AlternateContent xmlns:mc="http://schemas.openxmlformats.org/markup-compatibility/2006" xmlns:p14="http://schemas.microsoft.com/office/powerpoint/2010/main">
    <mc:Choice Requires="p14">
      <p:transition spd="slow" p14:dur="2000" advTm="29476"/>
    </mc:Choice>
    <mc:Fallback xmlns="">
      <p:transition spd="slow" advTm="29476"/>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4B54C926-FCB6-52FC-5895-BC66E482D88A}"/>
              </a:ext>
            </a:extLst>
          </p:cNvPr>
          <p:cNvSpPr>
            <a:spLocks noGrp="1"/>
          </p:cNvSpPr>
          <p:nvPr>
            <p:ph type="subTitle" idx="1"/>
          </p:nvPr>
        </p:nvSpPr>
        <p:spPr/>
        <p:txBody>
          <a:bodyPr/>
          <a:lstStyle/>
          <a:p>
            <a:r>
              <a:rPr lang="en-US" dirty="0" err="1"/>
              <a:t>Punkt</a:t>
            </a:r>
            <a:r>
              <a:rPr lang="en-US" dirty="0"/>
              <a:t> 5. </a:t>
            </a:r>
            <a:r>
              <a:rPr lang="en-US" dirty="0" err="1"/>
              <a:t>udbudsretlige</a:t>
            </a:r>
            <a:r>
              <a:rPr lang="en-US" dirty="0"/>
              <a:t> </a:t>
            </a:r>
            <a:r>
              <a:rPr lang="en-US" dirty="0" err="1"/>
              <a:t>udfordringer</a:t>
            </a:r>
            <a:endParaRPr lang="da-DK" dirty="0"/>
          </a:p>
        </p:txBody>
      </p:sp>
      <p:sp>
        <p:nvSpPr>
          <p:cNvPr id="3" name="Titel 2">
            <a:extLst>
              <a:ext uri="{FF2B5EF4-FFF2-40B4-BE49-F238E27FC236}">
                <a16:creationId xmlns:a16="http://schemas.microsoft.com/office/drawing/2014/main" id="{6ADAD318-5727-9B39-7D2C-685531EA9F68}"/>
              </a:ext>
            </a:extLst>
          </p:cNvPr>
          <p:cNvSpPr>
            <a:spLocks noGrp="1"/>
          </p:cNvSpPr>
          <p:nvPr>
            <p:ph type="title"/>
          </p:nvPr>
        </p:nvSpPr>
        <p:spPr/>
        <p:txBody>
          <a:bodyPr/>
          <a:lstStyle/>
          <a:p>
            <a:r>
              <a:rPr lang="da-DK" dirty="0"/>
              <a:t>Hvorfor er ordregiver nødsaget til at afvise ansøgninger/tilbud</a:t>
            </a:r>
          </a:p>
        </p:txBody>
      </p:sp>
      <p:sp>
        <p:nvSpPr>
          <p:cNvPr id="5" name="Pladsholder til indhold 4">
            <a:extLst>
              <a:ext uri="{FF2B5EF4-FFF2-40B4-BE49-F238E27FC236}">
                <a16:creationId xmlns:a16="http://schemas.microsoft.com/office/drawing/2014/main" id="{82BC32E2-83AE-57B5-8439-A1D4DAF6B98E}"/>
              </a:ext>
            </a:extLst>
          </p:cNvPr>
          <p:cNvSpPr>
            <a:spLocks noGrp="1"/>
          </p:cNvSpPr>
          <p:nvPr>
            <p:ph sz="quarter" idx="22"/>
          </p:nvPr>
        </p:nvSpPr>
        <p:spPr>
          <a:xfrm>
            <a:off x="647646" y="2207491"/>
            <a:ext cx="8791918" cy="4413682"/>
          </a:xfrm>
        </p:spPr>
        <p:txBody>
          <a:bodyPr/>
          <a:lstStyle/>
          <a:p>
            <a:pPr marL="0" indent="0">
              <a:buNone/>
            </a:pPr>
            <a:r>
              <a:rPr lang="da-DK" sz="1800" dirty="0"/>
              <a:t>Ansvarsnormen for erstatning for en ordregivende myndig kan fra retspraksis udledes til at være et </a:t>
            </a:r>
            <a:r>
              <a:rPr lang="da-DK" sz="1800" i="1" u="sng" dirty="0"/>
              <a:t>strengt culpa ansvar.</a:t>
            </a:r>
            <a:r>
              <a:rPr lang="da-DK" sz="1800" dirty="0"/>
              <a:t> </a:t>
            </a:r>
          </a:p>
          <a:p>
            <a:pPr marL="0" indent="0">
              <a:buNone/>
            </a:pPr>
            <a:endParaRPr lang="da-DK" sz="1800" dirty="0"/>
          </a:p>
          <a:p>
            <a:pPr marL="0" indent="0">
              <a:buNone/>
            </a:pPr>
            <a:r>
              <a:rPr lang="da-DK" sz="1800" dirty="0"/>
              <a:t>De hyppigste ansvarspådragende tilfælde i praksis er;</a:t>
            </a:r>
          </a:p>
          <a:p>
            <a:r>
              <a:rPr lang="da-DK" sz="1800" dirty="0"/>
              <a:t>Antagelse af ikke-konditionsmæssige ansøgning/tilbud – </a:t>
            </a:r>
            <a:r>
              <a:rPr lang="da-DK" sz="1800" i="1" u="sng" dirty="0"/>
              <a:t>som følge af forbehold i ansøgning/tilbuddet</a:t>
            </a:r>
          </a:p>
          <a:p>
            <a:r>
              <a:rPr lang="da-DK" sz="1800" dirty="0"/>
              <a:t>Usaglige evaluering, herunder afvisning af tilbud </a:t>
            </a:r>
          </a:p>
          <a:p>
            <a:r>
              <a:rPr lang="da-DK" sz="1800" dirty="0"/>
              <a:t>Fejl/uklarheder i udbudsmaterialet</a:t>
            </a:r>
          </a:p>
        </p:txBody>
      </p:sp>
      <p:sp>
        <p:nvSpPr>
          <p:cNvPr id="6" name="Pladsholder til slidenummer 5">
            <a:extLst>
              <a:ext uri="{FF2B5EF4-FFF2-40B4-BE49-F238E27FC236}">
                <a16:creationId xmlns:a16="http://schemas.microsoft.com/office/drawing/2014/main" id="{98D77771-A9F1-6AF9-B4AC-7EF9A39AA4D1}"/>
              </a:ext>
            </a:extLst>
          </p:cNvPr>
          <p:cNvSpPr>
            <a:spLocks noGrp="1"/>
          </p:cNvSpPr>
          <p:nvPr>
            <p:ph type="sldNum" sz="quarter" idx="14"/>
          </p:nvPr>
        </p:nvSpPr>
        <p:spPr/>
        <p:txBody>
          <a:bodyPr/>
          <a:lstStyle/>
          <a:p>
            <a:fld id="{6ACBDE86-91AD-4605-99AD-6345013A9E73}" type="slidenum">
              <a:rPr lang="da-DK" smtClean="0"/>
              <a:pPr/>
              <a:t>14</a:t>
            </a:fld>
            <a:endParaRPr lang="da-DK"/>
          </a:p>
        </p:txBody>
      </p:sp>
    </p:spTree>
    <p:extLst>
      <p:ext uri="{BB962C8B-B14F-4D97-AF65-F5344CB8AC3E}">
        <p14:creationId xmlns:p14="http://schemas.microsoft.com/office/powerpoint/2010/main" val="4208300427"/>
      </p:ext>
    </p:extLst>
  </p:cSld>
  <p:clrMapOvr>
    <a:masterClrMapping/>
  </p:clrMapOvr>
  <mc:AlternateContent xmlns:mc="http://schemas.openxmlformats.org/markup-compatibility/2006" xmlns:p14="http://schemas.microsoft.com/office/powerpoint/2010/main">
    <mc:Choice Requires="p14">
      <p:transition spd="slow" p14:dur="2000" advTm="99043"/>
    </mc:Choice>
    <mc:Fallback xmlns="">
      <p:transition spd="slow" advTm="99043"/>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Subtitle 1">
            <a:extLst>
              <a:ext uri="{FF2B5EF4-FFF2-40B4-BE49-F238E27FC236}">
                <a16:creationId xmlns:a16="http://schemas.microsoft.com/office/drawing/2014/main" id="{E1E28277-9B90-B43A-5114-2C0D900271AD}"/>
              </a:ext>
            </a:extLst>
          </p:cNvPr>
          <p:cNvSpPr>
            <a:spLocks noGrp="1"/>
          </p:cNvSpPr>
          <p:nvPr>
            <p:ph type="subTitle" idx="1"/>
          </p:nvPr>
        </p:nvSpPr>
        <p:spPr>
          <a:xfrm>
            <a:off x="357982" y="342900"/>
            <a:ext cx="4581059" cy="171734"/>
          </a:xfrm>
        </p:spPr>
        <p:txBody>
          <a:bodyPr/>
          <a:lstStyle/>
          <a:p>
            <a:r>
              <a:rPr lang="en-US" dirty="0" err="1"/>
              <a:t>Punkt</a:t>
            </a:r>
            <a:r>
              <a:rPr lang="en-US" dirty="0"/>
              <a:t> 5. </a:t>
            </a:r>
            <a:r>
              <a:rPr lang="en-US" dirty="0" err="1"/>
              <a:t>udbudsretlige</a:t>
            </a:r>
            <a:r>
              <a:rPr lang="en-US" dirty="0"/>
              <a:t> </a:t>
            </a:r>
            <a:r>
              <a:rPr lang="en-US" dirty="0" err="1"/>
              <a:t>udfordringer</a:t>
            </a:r>
            <a:endParaRPr lang="en-US" dirty="0"/>
          </a:p>
        </p:txBody>
      </p:sp>
      <p:sp>
        <p:nvSpPr>
          <p:cNvPr id="3" name="Titel 2">
            <a:extLst>
              <a:ext uri="{FF2B5EF4-FFF2-40B4-BE49-F238E27FC236}">
                <a16:creationId xmlns:a16="http://schemas.microsoft.com/office/drawing/2014/main" id="{8B3CA8C1-AC9B-7170-71C2-B08CFB3DA7EE}"/>
              </a:ext>
            </a:extLst>
          </p:cNvPr>
          <p:cNvSpPr>
            <a:spLocks noGrp="1"/>
          </p:cNvSpPr>
          <p:nvPr>
            <p:ph type="title"/>
          </p:nvPr>
        </p:nvSpPr>
        <p:spPr>
          <a:xfrm>
            <a:off x="337093" y="816178"/>
            <a:ext cx="5611813" cy="968391"/>
          </a:xfrm>
        </p:spPr>
        <p:txBody>
          <a:bodyPr wrap="square" anchor="ctr">
            <a:normAutofit/>
          </a:bodyPr>
          <a:lstStyle/>
          <a:p>
            <a:r>
              <a:rPr lang="da-DK" sz="3400" dirty="0"/>
              <a:t>Udbudsretlige udfordringer (forbehold)</a:t>
            </a:r>
          </a:p>
        </p:txBody>
      </p:sp>
      <p:sp>
        <p:nvSpPr>
          <p:cNvPr id="15" name="Content Placeholder 3">
            <a:extLst>
              <a:ext uri="{FF2B5EF4-FFF2-40B4-BE49-F238E27FC236}">
                <a16:creationId xmlns:a16="http://schemas.microsoft.com/office/drawing/2014/main" id="{30F3CDE6-05F1-4C65-B44E-04678AF8053D}"/>
              </a:ext>
            </a:extLst>
          </p:cNvPr>
          <p:cNvSpPr>
            <a:spLocks noGrp="1"/>
          </p:cNvSpPr>
          <p:nvPr>
            <p:ph sz="quarter" idx="21"/>
          </p:nvPr>
        </p:nvSpPr>
        <p:spPr>
          <a:xfrm>
            <a:off x="253965" y="1980040"/>
            <a:ext cx="5586682" cy="4535060"/>
          </a:xfrm>
        </p:spPr>
        <p:txBody>
          <a:bodyPr/>
          <a:lstStyle/>
          <a:p>
            <a:pPr marL="0" indent="0">
              <a:buNone/>
            </a:pPr>
            <a:r>
              <a:rPr lang="da-DK" sz="1800" b="0" i="0" u="none" strike="noStrike" baseline="0" dirty="0">
                <a:solidFill>
                  <a:srgbClr val="000000"/>
                </a:solidFill>
                <a:latin typeface="Arial Nova" panose="020B0504020202020204" pitchFamily="34" charset="0"/>
              </a:rPr>
              <a:t>Kan defineres bredt som: ”</a:t>
            </a:r>
            <a:r>
              <a:rPr lang="da-DK" sz="1800" b="0" i="1" u="none" strike="noStrike" baseline="0" dirty="0">
                <a:solidFill>
                  <a:srgbClr val="000000"/>
                </a:solidFill>
                <a:latin typeface="Arial Nova" panose="020B0504020202020204" pitchFamily="34" charset="0"/>
              </a:rPr>
              <a:t>enhver uoverensstemmelse, som et tilbud indeholder i forhold til udbudsmaterialet</a:t>
            </a:r>
            <a:r>
              <a:rPr lang="da-DK" sz="1800" b="0" u="none" strike="noStrike" baseline="0" dirty="0">
                <a:solidFill>
                  <a:srgbClr val="000000"/>
                </a:solidFill>
                <a:latin typeface="Arial Nova" panose="020B0504020202020204" pitchFamily="34" charset="0"/>
              </a:rPr>
              <a:t>.</a:t>
            </a:r>
            <a:r>
              <a:rPr lang="da-DK" sz="1800" b="0" i="0" u="none" strike="noStrike" baseline="0" dirty="0">
                <a:solidFill>
                  <a:srgbClr val="000000"/>
                </a:solidFill>
                <a:latin typeface="Arial Nova" panose="020B0504020202020204" pitchFamily="34" charset="0"/>
              </a:rPr>
              <a:t>”</a:t>
            </a:r>
          </a:p>
          <a:p>
            <a:endParaRPr lang="da-DK" sz="1800" dirty="0">
              <a:solidFill>
                <a:srgbClr val="000000"/>
              </a:solidFill>
              <a:latin typeface="Arial Nova" panose="020B0504020202020204" pitchFamily="34" charset="0"/>
            </a:endParaRPr>
          </a:p>
          <a:p>
            <a:r>
              <a:rPr lang="da-DK" sz="1800" dirty="0">
                <a:solidFill>
                  <a:srgbClr val="000000"/>
                </a:solidFill>
                <a:latin typeface="Arial Nova" panose="020B0504020202020204" pitchFamily="34" charset="0"/>
              </a:rPr>
              <a:t>Forbehold kan tages i forhold til:</a:t>
            </a:r>
          </a:p>
          <a:p>
            <a:pPr lvl="1"/>
            <a:r>
              <a:rPr lang="da-DK" sz="1800" dirty="0">
                <a:solidFill>
                  <a:srgbClr val="000000"/>
                </a:solidFill>
                <a:latin typeface="Arial Nova" panose="020B0504020202020204" pitchFamily="34" charset="0"/>
                <a:ea typeface="+mn-ea"/>
              </a:rPr>
              <a:t>Materielle krav (krav til ydelsen, kontraktkrav, mindstekrav, samarbejdsstruktur mv.)</a:t>
            </a:r>
          </a:p>
          <a:p>
            <a:pPr lvl="1"/>
            <a:r>
              <a:rPr lang="da-DK" sz="1800" dirty="0">
                <a:solidFill>
                  <a:srgbClr val="000000"/>
                </a:solidFill>
                <a:latin typeface="Arial Nova" panose="020B0504020202020204" pitchFamily="34" charset="0"/>
                <a:ea typeface="+mn-ea"/>
              </a:rPr>
              <a:t>Formelle krav (vedståelsesfrist, prisstruktur, sprog mv.) </a:t>
            </a:r>
            <a:endParaRPr lang="en-US" sz="1800" dirty="0">
              <a:solidFill>
                <a:srgbClr val="000000"/>
              </a:solidFill>
              <a:latin typeface="Arial Nova" panose="020B0504020202020204" pitchFamily="34" charset="0"/>
              <a:ea typeface="+mn-ea"/>
            </a:endParaRPr>
          </a:p>
        </p:txBody>
      </p:sp>
      <p:pic>
        <p:nvPicPr>
          <p:cNvPr id="8" name="Pladsholder til billede 7" descr="Et billede, der indeholder trapper, bygning, Symmetri, dagslys&#10;&#10;Automatisk genereret beskrivelse">
            <a:extLst>
              <a:ext uri="{FF2B5EF4-FFF2-40B4-BE49-F238E27FC236}">
                <a16:creationId xmlns:a16="http://schemas.microsoft.com/office/drawing/2014/main" id="{C1514537-0796-F180-C225-B85728458117}"/>
              </a:ext>
            </a:extLst>
          </p:cNvPr>
          <p:cNvPicPr>
            <a:picLocks noGrp="1" noChangeAspect="1"/>
          </p:cNvPicPr>
          <p:nvPr>
            <p:ph type="pic" sz="quarter" idx="24"/>
          </p:nvPr>
        </p:nvPicPr>
        <p:blipFill>
          <a:blip r:embed="rId3">
            <a:extLst>
              <a:ext uri="{28A0092B-C50C-407E-A947-70E740481C1C}">
                <a14:useLocalDpi xmlns:a14="http://schemas.microsoft.com/office/drawing/2010/main" val="0"/>
              </a:ext>
            </a:extLst>
          </a:blip>
          <a:srcRect t="7222" r="-1" b="15698"/>
          <a:stretch/>
        </p:blipFill>
        <p:spPr>
          <a:xfrm>
            <a:off x="6258828" y="-1"/>
            <a:ext cx="5938927" cy="6858001"/>
          </a:xfrm>
          <a:noFill/>
        </p:spPr>
      </p:pic>
      <p:sp>
        <p:nvSpPr>
          <p:cNvPr id="6" name="Pladsholder til slidenummer 5">
            <a:extLst>
              <a:ext uri="{FF2B5EF4-FFF2-40B4-BE49-F238E27FC236}">
                <a16:creationId xmlns:a16="http://schemas.microsoft.com/office/drawing/2014/main" id="{676A9D15-DA9B-997B-D233-1E95DDD82E0A}"/>
              </a:ext>
            </a:extLst>
          </p:cNvPr>
          <p:cNvSpPr>
            <a:spLocks noGrp="1"/>
          </p:cNvSpPr>
          <p:nvPr>
            <p:ph type="sldNum" sz="quarter" idx="14"/>
          </p:nvPr>
        </p:nvSpPr>
        <p:spPr>
          <a:xfrm>
            <a:off x="5306779" y="342899"/>
            <a:ext cx="338464" cy="171734"/>
          </a:xfrm>
        </p:spPr>
        <p:txBody>
          <a:bodyPr anchor="ctr">
            <a:normAutofit/>
          </a:bodyPr>
          <a:lstStyle/>
          <a:p>
            <a:pPr>
              <a:spcAft>
                <a:spcPts val="600"/>
              </a:spcAft>
            </a:pPr>
            <a:fld id="{6ACBDE86-91AD-4605-99AD-6345013A9E73}" type="slidenum">
              <a:rPr lang="da-DK" smtClean="0"/>
              <a:pPr>
                <a:spcAft>
                  <a:spcPts val="600"/>
                </a:spcAft>
              </a:pPr>
              <a:t>15</a:t>
            </a:fld>
            <a:endParaRPr lang="da-DK"/>
          </a:p>
        </p:txBody>
      </p:sp>
    </p:spTree>
    <p:extLst>
      <p:ext uri="{BB962C8B-B14F-4D97-AF65-F5344CB8AC3E}">
        <p14:creationId xmlns:p14="http://schemas.microsoft.com/office/powerpoint/2010/main" val="308096609"/>
      </p:ext>
    </p:extLst>
  </p:cSld>
  <p:clrMapOvr>
    <a:masterClrMapping/>
  </p:clrMapOvr>
  <mc:AlternateContent xmlns:mc="http://schemas.openxmlformats.org/markup-compatibility/2006" xmlns:p14="http://schemas.microsoft.com/office/powerpoint/2010/main">
    <mc:Choice Requires="p14">
      <p:transition spd="slow" p14:dur="2000" advTm="82882"/>
    </mc:Choice>
    <mc:Fallback xmlns="">
      <p:transition spd="slow" advTm="82882"/>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3AC46276-8959-1E97-1C70-6CAE5DA2DF25}"/>
              </a:ext>
            </a:extLst>
          </p:cNvPr>
          <p:cNvSpPr>
            <a:spLocks noGrp="1"/>
          </p:cNvSpPr>
          <p:nvPr>
            <p:ph type="subTitle" idx="1"/>
          </p:nvPr>
        </p:nvSpPr>
        <p:spPr/>
        <p:txBody>
          <a:bodyPr/>
          <a:lstStyle/>
          <a:p>
            <a:r>
              <a:rPr lang="en-US" dirty="0" err="1"/>
              <a:t>Punkt</a:t>
            </a:r>
            <a:r>
              <a:rPr lang="en-US" dirty="0"/>
              <a:t> 5. </a:t>
            </a:r>
            <a:r>
              <a:rPr lang="en-US" dirty="0" err="1"/>
              <a:t>udbudsretlige</a:t>
            </a:r>
            <a:r>
              <a:rPr lang="en-US" dirty="0"/>
              <a:t> </a:t>
            </a:r>
            <a:r>
              <a:rPr lang="en-US" dirty="0" err="1"/>
              <a:t>udfordringer</a:t>
            </a:r>
            <a:endParaRPr lang="da-DK" dirty="0"/>
          </a:p>
        </p:txBody>
      </p:sp>
      <p:sp>
        <p:nvSpPr>
          <p:cNvPr id="3" name="Titel 2">
            <a:extLst>
              <a:ext uri="{FF2B5EF4-FFF2-40B4-BE49-F238E27FC236}">
                <a16:creationId xmlns:a16="http://schemas.microsoft.com/office/drawing/2014/main" id="{05CF4C38-56A2-D80A-366A-2E0837981E62}"/>
              </a:ext>
            </a:extLst>
          </p:cNvPr>
          <p:cNvSpPr>
            <a:spLocks noGrp="1"/>
          </p:cNvSpPr>
          <p:nvPr>
            <p:ph type="title"/>
          </p:nvPr>
        </p:nvSpPr>
        <p:spPr>
          <a:xfrm>
            <a:off x="337093" y="816178"/>
            <a:ext cx="9877880" cy="968391"/>
          </a:xfrm>
        </p:spPr>
        <p:txBody>
          <a:bodyPr/>
          <a:lstStyle/>
          <a:p>
            <a:r>
              <a:rPr lang="da-DK" noProof="1"/>
              <a:t>I. Manglende overholdelse af materielle krav </a:t>
            </a:r>
            <a:endParaRPr lang="da-DK" dirty="0"/>
          </a:p>
        </p:txBody>
      </p:sp>
      <p:sp>
        <p:nvSpPr>
          <p:cNvPr id="4" name="Pladsholder til indhold 3">
            <a:extLst>
              <a:ext uri="{FF2B5EF4-FFF2-40B4-BE49-F238E27FC236}">
                <a16:creationId xmlns:a16="http://schemas.microsoft.com/office/drawing/2014/main" id="{2540924C-9F75-0B88-BA8E-ED32766FD15F}"/>
              </a:ext>
            </a:extLst>
          </p:cNvPr>
          <p:cNvSpPr>
            <a:spLocks noGrp="1"/>
          </p:cNvSpPr>
          <p:nvPr>
            <p:ph sz="quarter" idx="21"/>
          </p:nvPr>
        </p:nvSpPr>
        <p:spPr>
          <a:xfrm>
            <a:off x="357982" y="1818362"/>
            <a:ext cx="9877101" cy="4730531"/>
          </a:xfrm>
        </p:spPr>
        <p:txBody>
          <a:bodyPr/>
          <a:lstStyle/>
          <a:p>
            <a:pPr marL="0" indent="0">
              <a:buNone/>
            </a:pPr>
            <a:r>
              <a:rPr kumimoji="0" lang="da-DK" sz="1800" b="1" i="0" u="none" strike="noStrike" kern="1200" cap="none" spc="0" normalizeH="0" baseline="0" noProof="0" dirty="0">
                <a:ln>
                  <a:noFill/>
                </a:ln>
                <a:solidFill>
                  <a:srgbClr val="000000"/>
                </a:solidFill>
                <a:effectLst/>
                <a:uLnTx/>
                <a:uFillTx/>
                <a:latin typeface="Arial"/>
                <a:ea typeface="+mn-ea"/>
                <a:cs typeface="+mn-cs"/>
              </a:rPr>
              <a:t>Forbehold for kontraktkrav, 24. juni 2012, </a:t>
            </a:r>
            <a:r>
              <a:rPr kumimoji="0" lang="da-DK" sz="1800" b="1" i="0" u="none" strike="noStrike" kern="1200" cap="none" spc="0" normalizeH="0" baseline="0" noProof="0" dirty="0" err="1">
                <a:ln>
                  <a:noFill/>
                </a:ln>
                <a:solidFill>
                  <a:srgbClr val="000000"/>
                </a:solidFill>
                <a:effectLst/>
                <a:uLnTx/>
                <a:uFillTx/>
                <a:latin typeface="Arial"/>
                <a:ea typeface="+mn-ea"/>
                <a:cs typeface="+mn-cs"/>
              </a:rPr>
              <a:t>Tecan</a:t>
            </a:r>
            <a:r>
              <a:rPr kumimoji="0" lang="da-DK" sz="1800" b="1" i="0" u="none" strike="noStrike" kern="1200" cap="none" spc="0" normalizeH="0" baseline="0" noProof="0" dirty="0">
                <a:ln>
                  <a:noFill/>
                </a:ln>
                <a:solidFill>
                  <a:srgbClr val="000000"/>
                </a:solidFill>
                <a:effectLst/>
                <a:uLnTx/>
                <a:uFillTx/>
                <a:latin typeface="Arial"/>
                <a:ea typeface="+mn-ea"/>
                <a:cs typeface="+mn-cs"/>
              </a:rPr>
              <a:t> Nordic AB mod Statens Serum Institut</a:t>
            </a:r>
          </a:p>
          <a:p>
            <a:r>
              <a:rPr lang="da-DK" sz="2000" kern="1200" dirty="0">
                <a:solidFill>
                  <a:srgbClr val="000000"/>
                </a:solidFill>
                <a:latin typeface="Arial"/>
                <a:cs typeface="+mn-cs"/>
              </a:rPr>
              <a:t>Fo</a:t>
            </a:r>
            <a:r>
              <a:rPr kumimoji="0" lang="da-DK" sz="2000" i="0" u="none" strike="noStrike" kern="1200" cap="none" spc="0" normalizeH="0" baseline="0" noProof="0" dirty="0" err="1">
                <a:ln>
                  <a:noFill/>
                </a:ln>
                <a:solidFill>
                  <a:srgbClr val="000000"/>
                </a:solidFill>
                <a:effectLst/>
                <a:uLnTx/>
                <a:uFillTx/>
                <a:latin typeface="Arial"/>
                <a:ea typeface="+mn-ea"/>
                <a:cs typeface="+mn-cs"/>
              </a:rPr>
              <a:t>rbehold</a:t>
            </a:r>
            <a:r>
              <a:rPr kumimoji="0" lang="da-DK" sz="2000" i="0" u="none" strike="noStrike" kern="1200" cap="none" spc="0" normalizeH="0" baseline="0" noProof="0" dirty="0">
                <a:ln>
                  <a:noFill/>
                </a:ln>
                <a:solidFill>
                  <a:srgbClr val="000000"/>
                </a:solidFill>
                <a:effectLst/>
                <a:uLnTx/>
                <a:uFillTx/>
                <a:latin typeface="Arial"/>
                <a:ea typeface="+mn-ea"/>
                <a:cs typeface="+mn-cs"/>
              </a:rPr>
              <a:t> for</a:t>
            </a:r>
            <a:r>
              <a:rPr kumimoji="0" lang="da-DK" sz="2000" b="1" i="0" u="none" strike="noStrike" kern="1200" cap="none" spc="0" normalizeH="0" baseline="0" noProof="0" dirty="0">
                <a:ln>
                  <a:noFill/>
                </a:ln>
                <a:solidFill>
                  <a:srgbClr val="000000"/>
                </a:solidFill>
                <a:effectLst/>
                <a:uLnTx/>
                <a:uFillTx/>
                <a:latin typeface="Arial"/>
                <a:ea typeface="+mn-ea"/>
                <a:cs typeface="+mn-cs"/>
              </a:rPr>
              <a:t> </a:t>
            </a:r>
            <a:r>
              <a:rPr kumimoji="0" lang="da-DK" sz="2000" b="0" i="0" u="none" strike="noStrike" kern="1200" cap="none" spc="0" normalizeH="0" baseline="0" noProof="0" dirty="0">
                <a:ln>
                  <a:noFill/>
                </a:ln>
                <a:solidFill>
                  <a:srgbClr val="000000"/>
                </a:solidFill>
                <a:effectLst/>
                <a:uLnTx/>
                <a:uFillTx/>
                <a:latin typeface="Arial"/>
                <a:ea typeface="+mn-ea"/>
                <a:cs typeface="+mn-cs"/>
              </a:rPr>
              <a:t>krav om to års garanti, hvor den vindende tilbudsgiver havde tilbudt ét års garanti og ét års servicekontrakt. Ordregiver kapitaliserede servicekontrakten ved at tillægge prisen for servicekontrakt til tilbudsgivers evalueringstekniske pris. </a:t>
            </a:r>
          </a:p>
          <a:p>
            <a:pPr marL="0" indent="0">
              <a:buNone/>
            </a:pPr>
            <a:r>
              <a:rPr kumimoji="0" lang="da-DK" sz="2000" b="0" i="0" u="none" strike="noStrike" kern="1200" cap="none" spc="0" normalizeH="0" baseline="0" noProof="0" dirty="0">
                <a:ln>
                  <a:noFill/>
                </a:ln>
                <a:solidFill>
                  <a:srgbClr val="000000"/>
                </a:solidFill>
                <a:effectLst/>
                <a:uLnTx/>
                <a:uFillTx/>
                <a:latin typeface="Arial"/>
                <a:ea typeface="+mn-ea"/>
                <a:cs typeface="+mn-cs"/>
              </a:rPr>
              <a:t> </a:t>
            </a:r>
          </a:p>
          <a:p>
            <a:r>
              <a:rPr lang="da-DK" sz="2000" dirty="0"/>
              <a:t>KLFU fastslog, at </a:t>
            </a:r>
            <a:r>
              <a:rPr kumimoji="0" lang="da-DK" sz="2000" b="0" strike="noStrike" kern="1200" cap="none" spc="0" normalizeH="0" baseline="0" noProof="0" dirty="0">
                <a:ln>
                  <a:noFill/>
                </a:ln>
                <a:solidFill>
                  <a:srgbClr val="000000"/>
                </a:solidFill>
                <a:effectLst/>
                <a:uLnTx/>
                <a:uFillTx/>
                <a:latin typeface="Arial"/>
                <a:ea typeface="+mn-ea"/>
                <a:cs typeface="+mn-cs"/>
              </a:rPr>
              <a:t>servicekontrakten ikke var sammenfaldende med den i kontraktens krævede garanti. Derfor </a:t>
            </a:r>
            <a:r>
              <a:rPr lang="da-DK" sz="2000" kern="1200" dirty="0">
                <a:solidFill>
                  <a:srgbClr val="000000"/>
                </a:solidFill>
                <a:cs typeface="+mn-cs"/>
              </a:rPr>
              <a:t>afspejlede kapitaliseringen den manglende </a:t>
            </a:r>
            <a:r>
              <a:rPr lang="da-DK" sz="2000" kern="1200" dirty="0">
                <a:solidFill>
                  <a:srgbClr val="000000"/>
                </a:solidFill>
                <a:latin typeface="Arial"/>
                <a:cs typeface="+mn-cs"/>
              </a:rPr>
              <a:t>garanti-periode.</a:t>
            </a:r>
            <a:endParaRPr lang="da-DK" sz="1200" b="1" dirty="0"/>
          </a:p>
          <a:p>
            <a:endParaRPr lang="da-DK" sz="1050" dirty="0"/>
          </a:p>
          <a:p>
            <a:endParaRPr lang="da-DK" sz="1050" dirty="0"/>
          </a:p>
          <a:p>
            <a:endParaRPr lang="da-DK" sz="1050" dirty="0"/>
          </a:p>
        </p:txBody>
      </p:sp>
      <p:sp>
        <p:nvSpPr>
          <p:cNvPr id="5" name="Pladsholder til slidenummer 4">
            <a:extLst>
              <a:ext uri="{FF2B5EF4-FFF2-40B4-BE49-F238E27FC236}">
                <a16:creationId xmlns:a16="http://schemas.microsoft.com/office/drawing/2014/main" id="{4507D291-4B37-E57A-B25A-A21718206CFC}"/>
              </a:ext>
            </a:extLst>
          </p:cNvPr>
          <p:cNvSpPr>
            <a:spLocks noGrp="1"/>
          </p:cNvSpPr>
          <p:nvPr>
            <p:ph type="sldNum" sz="quarter" idx="14"/>
          </p:nvPr>
        </p:nvSpPr>
        <p:spPr/>
        <p:txBody>
          <a:bodyPr/>
          <a:lstStyle/>
          <a:p>
            <a:fld id="{6ACBDE86-91AD-4605-99AD-6345013A9E73}" type="slidenum">
              <a:rPr lang="da-DK" smtClean="0"/>
              <a:pPr/>
              <a:t>16</a:t>
            </a:fld>
            <a:endParaRPr lang="da-DK"/>
          </a:p>
        </p:txBody>
      </p:sp>
    </p:spTree>
    <p:extLst>
      <p:ext uri="{BB962C8B-B14F-4D97-AF65-F5344CB8AC3E}">
        <p14:creationId xmlns:p14="http://schemas.microsoft.com/office/powerpoint/2010/main" val="2951401524"/>
      </p:ext>
    </p:extLst>
  </p:cSld>
  <p:clrMapOvr>
    <a:masterClrMapping/>
  </p:clrMapOvr>
  <mc:AlternateContent xmlns:mc="http://schemas.openxmlformats.org/markup-compatibility/2006" xmlns:p14="http://schemas.microsoft.com/office/powerpoint/2010/main">
    <mc:Choice Requires="p14">
      <p:transition spd="slow" p14:dur="2000" advTm="170752"/>
    </mc:Choice>
    <mc:Fallback xmlns="">
      <p:transition spd="slow" advTm="170752"/>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FB2D0653-9D0E-8E97-6421-669027C503B7}"/>
              </a:ext>
            </a:extLst>
          </p:cNvPr>
          <p:cNvSpPr>
            <a:spLocks noGrp="1"/>
          </p:cNvSpPr>
          <p:nvPr>
            <p:ph type="subTitle" idx="1"/>
          </p:nvPr>
        </p:nvSpPr>
        <p:spPr/>
        <p:txBody>
          <a:bodyPr/>
          <a:lstStyle/>
          <a:p>
            <a:r>
              <a:rPr lang="en-US" dirty="0" err="1"/>
              <a:t>Punkt</a:t>
            </a:r>
            <a:r>
              <a:rPr lang="en-US" dirty="0"/>
              <a:t> 5. </a:t>
            </a:r>
            <a:r>
              <a:rPr lang="en-US" dirty="0" err="1"/>
              <a:t>udbudsretlige</a:t>
            </a:r>
            <a:r>
              <a:rPr lang="en-US" dirty="0"/>
              <a:t> </a:t>
            </a:r>
            <a:r>
              <a:rPr lang="en-US" dirty="0" err="1"/>
              <a:t>udfordringer</a:t>
            </a:r>
            <a:endParaRPr lang="da-DK" dirty="0"/>
          </a:p>
        </p:txBody>
      </p:sp>
      <p:sp>
        <p:nvSpPr>
          <p:cNvPr id="3" name="Titel 2">
            <a:extLst>
              <a:ext uri="{FF2B5EF4-FFF2-40B4-BE49-F238E27FC236}">
                <a16:creationId xmlns:a16="http://schemas.microsoft.com/office/drawing/2014/main" id="{39CC0685-A0F5-C72A-440A-4D9BE897A8C5}"/>
              </a:ext>
            </a:extLst>
          </p:cNvPr>
          <p:cNvSpPr>
            <a:spLocks noGrp="1"/>
          </p:cNvSpPr>
          <p:nvPr>
            <p:ph type="title"/>
          </p:nvPr>
        </p:nvSpPr>
        <p:spPr/>
        <p:txBody>
          <a:bodyPr/>
          <a:lstStyle/>
          <a:p>
            <a:r>
              <a:rPr lang="da-DK" dirty="0"/>
              <a:t> II. Manglende overholdelse af materielle krav</a:t>
            </a:r>
          </a:p>
        </p:txBody>
      </p:sp>
      <p:sp>
        <p:nvSpPr>
          <p:cNvPr id="4" name="Pladsholder til indhold 3">
            <a:extLst>
              <a:ext uri="{FF2B5EF4-FFF2-40B4-BE49-F238E27FC236}">
                <a16:creationId xmlns:a16="http://schemas.microsoft.com/office/drawing/2014/main" id="{FDDAE814-E3C5-0A89-8A3D-59194C50DAAD}"/>
              </a:ext>
            </a:extLst>
          </p:cNvPr>
          <p:cNvSpPr>
            <a:spLocks noGrp="1"/>
          </p:cNvSpPr>
          <p:nvPr>
            <p:ph sz="quarter" idx="21"/>
          </p:nvPr>
        </p:nvSpPr>
        <p:spPr>
          <a:xfrm>
            <a:off x="369950" y="1784569"/>
            <a:ext cx="9877101" cy="4535060"/>
          </a:xfrm>
        </p:spPr>
        <p:txBody>
          <a:bodyPr/>
          <a:lstStyle/>
          <a:p>
            <a:pPr marL="0" indent="0">
              <a:buNone/>
            </a:pPr>
            <a:r>
              <a:rPr lang="da-DK" sz="1800" b="1" dirty="0"/>
              <a:t>Beviste/ubeviste maskeret forbehold for mindstekrav: 25. februar 2021, Suez Water mod Danish Oil </a:t>
            </a:r>
            <a:r>
              <a:rPr lang="da-DK" sz="1800" b="1" dirty="0" err="1"/>
              <a:t>Pipe</a:t>
            </a:r>
            <a:endParaRPr lang="da-DK" sz="1800" b="1" dirty="0"/>
          </a:p>
          <a:p>
            <a:r>
              <a:rPr lang="da-DK" sz="2000" dirty="0"/>
              <a:t>Tilbuddet indeholdte beskrivelserne, som gav ordregiver anledning til at tvivle på hvorvidt løsningen ville kunne overholde et mindstekrav.</a:t>
            </a:r>
          </a:p>
          <a:p>
            <a:r>
              <a:rPr lang="da-DK" sz="2000" dirty="0"/>
              <a:t>Klagenævnet statuerer som fastpraksis, at </a:t>
            </a:r>
            <a:r>
              <a:rPr lang="da-DK" sz="2000" i="1" u="sng" dirty="0"/>
              <a:t>risikoen for uklarheder eller ufuldstændigheder i tilbud</a:t>
            </a:r>
            <a:r>
              <a:rPr lang="da-DK" sz="2000" dirty="0"/>
              <a:t>, herunder om tilbuddet kunne opfattes som indeholdende forbehold over for et mindstekrav, </a:t>
            </a:r>
            <a:r>
              <a:rPr lang="da-DK" sz="2000" i="1" u="sng" dirty="0"/>
              <a:t>påhviler tilbudsgiver</a:t>
            </a:r>
            <a:r>
              <a:rPr lang="da-DK" sz="2000" dirty="0"/>
              <a:t>, og ordregiver i sådanne henseender er </a:t>
            </a:r>
            <a:r>
              <a:rPr lang="da-DK" sz="2000" i="1" u="sng" dirty="0"/>
              <a:t>berettiget til at afvise </a:t>
            </a:r>
            <a:r>
              <a:rPr lang="da-DK" sz="2000" dirty="0"/>
              <a:t>tilbud med forbehold for mindstekrav. Herudover statueres klagenævnet at denne kun tilsidesætter ordregivers skøn, hvis ordregiveren åbenbart har overskredet den vide grænse for skønnet eller i øvrigt har </a:t>
            </a:r>
            <a:r>
              <a:rPr lang="da-DK" sz="2000" i="1" u="sng" dirty="0"/>
              <a:t>handlet usagligt</a:t>
            </a:r>
            <a:r>
              <a:rPr lang="da-DK" sz="2000" dirty="0"/>
              <a:t>. </a:t>
            </a:r>
          </a:p>
          <a:p>
            <a:endParaRPr lang="da-DK" dirty="0"/>
          </a:p>
        </p:txBody>
      </p:sp>
      <p:sp>
        <p:nvSpPr>
          <p:cNvPr id="5" name="Pladsholder til slidenummer 4">
            <a:extLst>
              <a:ext uri="{FF2B5EF4-FFF2-40B4-BE49-F238E27FC236}">
                <a16:creationId xmlns:a16="http://schemas.microsoft.com/office/drawing/2014/main" id="{0A1490A2-4103-A52E-D993-28AABA0DDEEF}"/>
              </a:ext>
            </a:extLst>
          </p:cNvPr>
          <p:cNvSpPr>
            <a:spLocks noGrp="1"/>
          </p:cNvSpPr>
          <p:nvPr>
            <p:ph type="sldNum" sz="quarter" idx="14"/>
          </p:nvPr>
        </p:nvSpPr>
        <p:spPr/>
        <p:txBody>
          <a:bodyPr/>
          <a:lstStyle/>
          <a:p>
            <a:fld id="{6ACBDE86-91AD-4605-99AD-6345013A9E73}" type="slidenum">
              <a:rPr lang="da-DK" smtClean="0"/>
              <a:pPr/>
              <a:t>17</a:t>
            </a:fld>
            <a:endParaRPr lang="da-DK"/>
          </a:p>
        </p:txBody>
      </p:sp>
    </p:spTree>
    <p:extLst>
      <p:ext uri="{BB962C8B-B14F-4D97-AF65-F5344CB8AC3E}">
        <p14:creationId xmlns:p14="http://schemas.microsoft.com/office/powerpoint/2010/main" val="1311663214"/>
      </p:ext>
    </p:extLst>
  </p:cSld>
  <p:clrMapOvr>
    <a:masterClrMapping/>
  </p:clrMapOvr>
  <mc:AlternateContent xmlns:mc="http://schemas.openxmlformats.org/markup-compatibility/2006" xmlns:p14="http://schemas.microsoft.com/office/powerpoint/2010/main">
    <mc:Choice Requires="p14">
      <p:transition spd="slow" p14:dur="2000" advTm="184399"/>
    </mc:Choice>
    <mc:Fallback xmlns="">
      <p:transition spd="slow" advTm="184399"/>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469B3D10-366F-B07C-7AF6-9CAE8D0FA34E}"/>
              </a:ext>
            </a:extLst>
          </p:cNvPr>
          <p:cNvSpPr>
            <a:spLocks noGrp="1"/>
          </p:cNvSpPr>
          <p:nvPr>
            <p:ph type="subTitle" idx="1"/>
          </p:nvPr>
        </p:nvSpPr>
        <p:spPr/>
        <p:txBody>
          <a:bodyPr/>
          <a:lstStyle/>
          <a:p>
            <a:r>
              <a:rPr lang="en-US" dirty="0" err="1"/>
              <a:t>Punkt</a:t>
            </a:r>
            <a:r>
              <a:rPr lang="en-US" dirty="0"/>
              <a:t> 5. </a:t>
            </a:r>
            <a:r>
              <a:rPr lang="en-US" dirty="0" err="1"/>
              <a:t>udbudsretlige</a:t>
            </a:r>
            <a:r>
              <a:rPr lang="en-US" dirty="0"/>
              <a:t> </a:t>
            </a:r>
            <a:r>
              <a:rPr lang="en-US" dirty="0" err="1"/>
              <a:t>udfordringer</a:t>
            </a:r>
            <a:endParaRPr lang="da-DK" dirty="0"/>
          </a:p>
        </p:txBody>
      </p:sp>
      <p:sp>
        <p:nvSpPr>
          <p:cNvPr id="3" name="Titel 2">
            <a:extLst>
              <a:ext uri="{FF2B5EF4-FFF2-40B4-BE49-F238E27FC236}">
                <a16:creationId xmlns:a16="http://schemas.microsoft.com/office/drawing/2014/main" id="{2616706F-51E2-7F88-306E-FED7CC3351E6}"/>
              </a:ext>
            </a:extLst>
          </p:cNvPr>
          <p:cNvSpPr>
            <a:spLocks noGrp="1"/>
          </p:cNvSpPr>
          <p:nvPr>
            <p:ph type="title"/>
          </p:nvPr>
        </p:nvSpPr>
        <p:spPr/>
        <p:txBody>
          <a:bodyPr/>
          <a:lstStyle/>
          <a:p>
            <a:r>
              <a:rPr lang="da-DK" noProof="1"/>
              <a:t>III. Manglende overholdelse af formelle krav</a:t>
            </a:r>
            <a:endParaRPr lang="da-DK" dirty="0"/>
          </a:p>
        </p:txBody>
      </p:sp>
      <p:sp>
        <p:nvSpPr>
          <p:cNvPr id="4" name="Pladsholder til indhold 3">
            <a:extLst>
              <a:ext uri="{FF2B5EF4-FFF2-40B4-BE49-F238E27FC236}">
                <a16:creationId xmlns:a16="http://schemas.microsoft.com/office/drawing/2014/main" id="{E81E4AF4-3412-5B34-1529-1B35E541BABC}"/>
              </a:ext>
            </a:extLst>
          </p:cNvPr>
          <p:cNvSpPr>
            <a:spLocks noGrp="1"/>
          </p:cNvSpPr>
          <p:nvPr>
            <p:ph sz="quarter" idx="21"/>
          </p:nvPr>
        </p:nvSpPr>
        <p:spPr/>
        <p:txBody>
          <a:bodyPr/>
          <a:lstStyle/>
          <a:p>
            <a:pPr marL="0" indent="0">
              <a:buNone/>
            </a:pPr>
            <a:r>
              <a:rPr lang="da-DK" sz="2000" b="1" dirty="0"/>
              <a:t>Formalia der skaber unødvendige forstyrrelser: 13. juni 2019, </a:t>
            </a:r>
            <a:r>
              <a:rPr lang="da-DK" sz="2000" b="1" dirty="0" err="1"/>
              <a:t>Joca</a:t>
            </a:r>
            <a:r>
              <a:rPr lang="da-DK" sz="2000" b="1" dirty="0"/>
              <a:t> mod Allerød Kommune mfl.</a:t>
            </a:r>
          </a:p>
          <a:p>
            <a:r>
              <a:rPr lang="da-DK" sz="2000" dirty="0"/>
              <a:t>Sagen vedrørte offentligt udbud efter udbudslovens af en rammeaftale om levering af affaldsbeholdere, hvor den vindende tilbudsgiver havde henvist til sin hjemmeside i forbindelse med en generel præsentation.</a:t>
            </a:r>
          </a:p>
          <a:p>
            <a:r>
              <a:rPr lang="da-DK" sz="2000" dirty="0"/>
              <a:t>Klagens genstand: KLFU ikke fandt det var et forbehold, at en tilbudsgiver havde henvist til sin hjemmeside i forbindelse med en generel præsentation, stedfæstet i Østre Landsret. </a:t>
            </a:r>
          </a:p>
          <a:p>
            <a:endParaRPr lang="da-DK" dirty="0"/>
          </a:p>
          <a:p>
            <a:endParaRPr lang="da-DK" dirty="0"/>
          </a:p>
        </p:txBody>
      </p:sp>
      <p:sp>
        <p:nvSpPr>
          <p:cNvPr id="5" name="Pladsholder til slidenummer 4">
            <a:extLst>
              <a:ext uri="{FF2B5EF4-FFF2-40B4-BE49-F238E27FC236}">
                <a16:creationId xmlns:a16="http://schemas.microsoft.com/office/drawing/2014/main" id="{53C81AFF-869E-2175-C13F-02CD2F07971E}"/>
              </a:ext>
            </a:extLst>
          </p:cNvPr>
          <p:cNvSpPr>
            <a:spLocks noGrp="1"/>
          </p:cNvSpPr>
          <p:nvPr>
            <p:ph type="sldNum" sz="quarter" idx="14"/>
          </p:nvPr>
        </p:nvSpPr>
        <p:spPr/>
        <p:txBody>
          <a:bodyPr/>
          <a:lstStyle/>
          <a:p>
            <a:fld id="{6ACBDE86-91AD-4605-99AD-6345013A9E73}" type="slidenum">
              <a:rPr lang="da-DK" smtClean="0"/>
              <a:pPr/>
              <a:t>18</a:t>
            </a:fld>
            <a:endParaRPr lang="da-DK"/>
          </a:p>
        </p:txBody>
      </p:sp>
    </p:spTree>
    <p:extLst>
      <p:ext uri="{BB962C8B-B14F-4D97-AF65-F5344CB8AC3E}">
        <p14:creationId xmlns:p14="http://schemas.microsoft.com/office/powerpoint/2010/main" val="2319281391"/>
      </p:ext>
    </p:extLst>
  </p:cSld>
  <p:clrMapOvr>
    <a:masterClrMapping/>
  </p:clrMapOvr>
  <mc:AlternateContent xmlns:mc="http://schemas.openxmlformats.org/markup-compatibility/2006" xmlns:p14="http://schemas.microsoft.com/office/powerpoint/2010/main">
    <mc:Choice Requires="p14">
      <p:transition spd="slow" p14:dur="2000" advTm="135451"/>
    </mc:Choice>
    <mc:Fallback xmlns="">
      <p:transition spd="slow" advTm="135451"/>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12843034-36B9-9DF3-350B-EC699863BA4A}"/>
              </a:ext>
            </a:extLst>
          </p:cNvPr>
          <p:cNvSpPr>
            <a:spLocks noGrp="1"/>
          </p:cNvSpPr>
          <p:nvPr>
            <p:ph type="subTitle" idx="1"/>
          </p:nvPr>
        </p:nvSpPr>
        <p:spPr/>
        <p:txBody>
          <a:bodyPr/>
          <a:lstStyle/>
          <a:p>
            <a:r>
              <a:rPr lang="en-US" dirty="0" err="1"/>
              <a:t>Punkt</a:t>
            </a:r>
            <a:r>
              <a:rPr lang="en-US" dirty="0"/>
              <a:t> 5. </a:t>
            </a:r>
            <a:r>
              <a:rPr lang="en-US" dirty="0" err="1"/>
              <a:t>udbudsretlige</a:t>
            </a:r>
            <a:r>
              <a:rPr lang="en-US" dirty="0"/>
              <a:t> </a:t>
            </a:r>
            <a:r>
              <a:rPr lang="en-US" dirty="0" err="1"/>
              <a:t>udfordringer</a:t>
            </a:r>
            <a:endParaRPr lang="da-DK" dirty="0"/>
          </a:p>
        </p:txBody>
      </p:sp>
      <p:sp>
        <p:nvSpPr>
          <p:cNvPr id="3" name="Titel 2">
            <a:extLst>
              <a:ext uri="{FF2B5EF4-FFF2-40B4-BE49-F238E27FC236}">
                <a16:creationId xmlns:a16="http://schemas.microsoft.com/office/drawing/2014/main" id="{3164E3E5-F59F-F33A-1DF0-DFDA3EC162BC}"/>
              </a:ext>
            </a:extLst>
          </p:cNvPr>
          <p:cNvSpPr>
            <a:spLocks noGrp="1"/>
          </p:cNvSpPr>
          <p:nvPr>
            <p:ph type="title"/>
          </p:nvPr>
        </p:nvSpPr>
        <p:spPr/>
        <p:txBody>
          <a:bodyPr/>
          <a:lstStyle/>
          <a:p>
            <a:r>
              <a:rPr lang="da-DK" noProof="1"/>
              <a:t>IV. Manglende overholdelse af formelle krav</a:t>
            </a:r>
            <a:endParaRPr lang="da-DK" dirty="0"/>
          </a:p>
        </p:txBody>
      </p:sp>
      <p:sp>
        <p:nvSpPr>
          <p:cNvPr id="4" name="Pladsholder til indhold 3">
            <a:extLst>
              <a:ext uri="{FF2B5EF4-FFF2-40B4-BE49-F238E27FC236}">
                <a16:creationId xmlns:a16="http://schemas.microsoft.com/office/drawing/2014/main" id="{96A6ED27-CBA1-443E-A97A-103E0B3581AC}"/>
              </a:ext>
            </a:extLst>
          </p:cNvPr>
          <p:cNvSpPr>
            <a:spLocks noGrp="1"/>
          </p:cNvSpPr>
          <p:nvPr>
            <p:ph sz="quarter" idx="21"/>
          </p:nvPr>
        </p:nvSpPr>
        <p:spPr/>
        <p:txBody>
          <a:bodyPr/>
          <a:lstStyle/>
          <a:p>
            <a:pPr marL="0" indent="0">
              <a:buNone/>
            </a:pPr>
            <a:r>
              <a:rPr lang="da-DK" sz="2000" b="1" dirty="0"/>
              <a:t>Formalia der skaber unødvendige forstyrrelser 24. Maj 2024 </a:t>
            </a:r>
          </a:p>
          <a:p>
            <a:r>
              <a:rPr lang="da-DK" sz="2000" dirty="0"/>
              <a:t>Ordregiver havde afvist tilbud som </a:t>
            </a:r>
            <a:r>
              <a:rPr lang="da-DK" sz="2000" dirty="0" err="1"/>
              <a:t>ukonditionsmæssigt</a:t>
            </a:r>
            <a:r>
              <a:rPr lang="da-DK" sz="2000" dirty="0"/>
              <a:t>, fordi tilbudsgiveren havde givet prisoplysninger på en anden måde end foreskrevet i udbudsbetingelserne.</a:t>
            </a:r>
          </a:p>
          <a:p>
            <a:r>
              <a:rPr lang="da-DK" sz="2000" dirty="0"/>
              <a:t>Klagenævnet tog ikke taget stilling til spørgsmålet. Ordregiver kunne ikke kapitaliserer forbeholdet uden større vanskeligheder (</a:t>
            </a:r>
            <a:r>
              <a:rPr lang="da-DK" sz="2000" dirty="0" err="1"/>
              <a:t>forsigtigshedprincippet</a:t>
            </a:r>
            <a:r>
              <a:rPr lang="da-DK" sz="2000" dirty="0"/>
              <a:t>) desuden kunne en berettigelse føre til et nyt tilbud. </a:t>
            </a:r>
          </a:p>
          <a:p>
            <a:endParaRPr lang="da-DK" sz="2000" dirty="0"/>
          </a:p>
          <a:p>
            <a:endParaRPr lang="da-DK" dirty="0"/>
          </a:p>
        </p:txBody>
      </p:sp>
      <p:sp>
        <p:nvSpPr>
          <p:cNvPr id="5" name="Pladsholder til slidenummer 4">
            <a:extLst>
              <a:ext uri="{FF2B5EF4-FFF2-40B4-BE49-F238E27FC236}">
                <a16:creationId xmlns:a16="http://schemas.microsoft.com/office/drawing/2014/main" id="{E596EE79-87E4-2CCF-05C9-771C0571A199}"/>
              </a:ext>
            </a:extLst>
          </p:cNvPr>
          <p:cNvSpPr>
            <a:spLocks noGrp="1"/>
          </p:cNvSpPr>
          <p:nvPr>
            <p:ph type="sldNum" sz="quarter" idx="14"/>
          </p:nvPr>
        </p:nvSpPr>
        <p:spPr/>
        <p:txBody>
          <a:bodyPr/>
          <a:lstStyle/>
          <a:p>
            <a:fld id="{6ACBDE86-91AD-4605-99AD-6345013A9E73}" type="slidenum">
              <a:rPr lang="da-DK" smtClean="0"/>
              <a:pPr/>
              <a:t>19</a:t>
            </a:fld>
            <a:endParaRPr lang="da-DK"/>
          </a:p>
        </p:txBody>
      </p:sp>
    </p:spTree>
    <p:extLst>
      <p:ext uri="{BB962C8B-B14F-4D97-AF65-F5344CB8AC3E}">
        <p14:creationId xmlns:p14="http://schemas.microsoft.com/office/powerpoint/2010/main" val="813125904"/>
      </p:ext>
    </p:extLst>
  </p:cSld>
  <p:clrMapOvr>
    <a:masterClrMapping/>
  </p:clrMapOvr>
  <mc:AlternateContent xmlns:mc="http://schemas.openxmlformats.org/markup-compatibility/2006" xmlns:p14="http://schemas.microsoft.com/office/powerpoint/2010/main">
    <mc:Choice Requires="p14">
      <p:transition spd="slow" p14:dur="2000" advTm="127696"/>
    </mc:Choice>
    <mc:Fallback xmlns="">
      <p:transition spd="slow" advTm="127696"/>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4" name="Subtitle 1">
            <a:extLst>
              <a:ext uri="{FF2B5EF4-FFF2-40B4-BE49-F238E27FC236}">
                <a16:creationId xmlns:a16="http://schemas.microsoft.com/office/drawing/2014/main" id="{E1DFC48E-A89F-DDEF-856E-F7CC903BE2E5}"/>
              </a:ext>
            </a:extLst>
          </p:cNvPr>
          <p:cNvSpPr>
            <a:spLocks noGrp="1"/>
          </p:cNvSpPr>
          <p:nvPr>
            <p:ph type="subTitle" idx="1"/>
          </p:nvPr>
        </p:nvSpPr>
        <p:spPr>
          <a:xfrm>
            <a:off x="357982" y="342900"/>
            <a:ext cx="4581059" cy="171734"/>
          </a:xfrm>
        </p:spPr>
        <p:txBody>
          <a:bodyPr/>
          <a:lstStyle/>
          <a:p>
            <a:endParaRPr lang="en-US"/>
          </a:p>
        </p:txBody>
      </p:sp>
      <p:sp>
        <p:nvSpPr>
          <p:cNvPr id="67" name="Titel 2">
            <a:extLst>
              <a:ext uri="{FF2B5EF4-FFF2-40B4-BE49-F238E27FC236}">
                <a16:creationId xmlns:a16="http://schemas.microsoft.com/office/drawing/2014/main" id="{7F1FACB1-3E75-71E3-4556-0C260EF50401}"/>
              </a:ext>
            </a:extLst>
          </p:cNvPr>
          <p:cNvSpPr>
            <a:spLocks noGrp="1"/>
          </p:cNvSpPr>
          <p:nvPr>
            <p:ph type="title"/>
          </p:nvPr>
        </p:nvSpPr>
        <p:spPr>
          <a:xfrm>
            <a:off x="337093" y="816178"/>
            <a:ext cx="5611813" cy="968391"/>
          </a:xfrm>
        </p:spPr>
        <p:txBody>
          <a:bodyPr vert="horz" wrap="square" lIns="0" tIns="0" rIns="0" bIns="0" numCol="1" anchor="ctr" anchorCtr="0" compatLnSpc="1">
            <a:prstTxWarp prst="textNoShape">
              <a:avLst/>
            </a:prstTxWarp>
            <a:normAutofit/>
          </a:bodyPr>
          <a:lstStyle/>
          <a:p>
            <a:r>
              <a:rPr lang="da-DK" b="1" spc="-100" baseline="0" dirty="0">
                <a:latin typeface="+mj-lt"/>
                <a:ea typeface="+mj-ea"/>
                <a:cs typeface="Arial" pitchFamily="34" charset="0"/>
              </a:rPr>
              <a:t>Agenda </a:t>
            </a:r>
          </a:p>
        </p:txBody>
      </p:sp>
      <p:sp>
        <p:nvSpPr>
          <p:cNvPr id="61" name="Tekstfelt 60">
            <a:extLst>
              <a:ext uri="{FF2B5EF4-FFF2-40B4-BE49-F238E27FC236}">
                <a16:creationId xmlns:a16="http://schemas.microsoft.com/office/drawing/2014/main" id="{A3399CB6-6B8A-08DD-5006-A863A3631D91}"/>
              </a:ext>
            </a:extLst>
          </p:cNvPr>
          <p:cNvSpPr txBox="1"/>
          <p:nvPr/>
        </p:nvSpPr>
        <p:spPr bwMode="auto">
          <a:xfrm>
            <a:off x="509318" y="1886088"/>
            <a:ext cx="5586682" cy="4535060"/>
          </a:xfrm>
          <a:prstGeom prst="rect">
            <a:avLst/>
          </a:prstGeom>
          <a:noFill/>
          <a:ln>
            <a:noFill/>
          </a:ln>
        </p:spPr>
        <p:txBody>
          <a:bodyPr vert="horz" wrap="square" lIns="0" tIns="0" rIns="0" bIns="0" numCol="1" rtlCol="0" anchor="t" anchorCtr="0" compatLnSpc="1">
            <a:prstTxWarp prst="textNoShape">
              <a:avLst/>
            </a:prstTxWarp>
            <a:noAutofit/>
          </a:bodyPr>
          <a:lstStyle/>
          <a:p>
            <a:pPr marL="342900" indent="-342900" fontAlgn="base">
              <a:lnSpc>
                <a:spcPct val="90000"/>
              </a:lnSpc>
              <a:spcBef>
                <a:spcPts val="598"/>
              </a:spcBef>
              <a:spcAft>
                <a:spcPts val="598"/>
              </a:spcAft>
              <a:buSzPct val="100000"/>
              <a:buFont typeface="+mj-lt"/>
              <a:buAutoNum type="arabicPeriod"/>
            </a:pPr>
            <a:r>
              <a:rPr lang="da-DK" b="1" dirty="0"/>
              <a:t>Baggrund </a:t>
            </a:r>
          </a:p>
          <a:p>
            <a:pPr lvl="1" fontAlgn="base">
              <a:lnSpc>
                <a:spcPct val="90000"/>
              </a:lnSpc>
              <a:spcBef>
                <a:spcPts val="598"/>
              </a:spcBef>
              <a:spcAft>
                <a:spcPts val="598"/>
              </a:spcAft>
              <a:buSzPct val="100000"/>
            </a:pPr>
            <a:r>
              <a:rPr lang="da-DK" dirty="0"/>
              <a:t>Hvem er jeg</a:t>
            </a:r>
          </a:p>
          <a:p>
            <a:pPr marL="342900" indent="-342900" fontAlgn="base">
              <a:lnSpc>
                <a:spcPct val="90000"/>
              </a:lnSpc>
              <a:spcBef>
                <a:spcPts val="598"/>
              </a:spcBef>
              <a:spcAft>
                <a:spcPts val="598"/>
              </a:spcAft>
              <a:buSzPct val="100000"/>
              <a:buFont typeface="+mj-lt"/>
              <a:buAutoNum type="arabicPeriod"/>
            </a:pPr>
            <a:r>
              <a:rPr lang="da-DK" b="1" dirty="0"/>
              <a:t>Vejdirektoratet </a:t>
            </a:r>
          </a:p>
          <a:p>
            <a:pPr marL="342900" indent="-342900" fontAlgn="base">
              <a:lnSpc>
                <a:spcPct val="90000"/>
              </a:lnSpc>
              <a:spcBef>
                <a:spcPts val="598"/>
              </a:spcBef>
              <a:spcAft>
                <a:spcPts val="598"/>
              </a:spcAft>
              <a:buSzPct val="100000"/>
              <a:buFont typeface="+mj-lt"/>
              <a:buAutoNum type="arabicPeriod"/>
            </a:pPr>
            <a:r>
              <a:rPr lang="da-DK" b="1"/>
              <a:t>Ordregivers </a:t>
            </a:r>
            <a:r>
              <a:rPr lang="da-DK" b="1" dirty="0"/>
              <a:t>pligt og ansvar</a:t>
            </a:r>
          </a:p>
          <a:p>
            <a:pPr lvl="1" fontAlgn="base">
              <a:lnSpc>
                <a:spcPct val="90000"/>
              </a:lnSpc>
              <a:spcBef>
                <a:spcPts val="598"/>
              </a:spcBef>
              <a:spcAft>
                <a:spcPts val="598"/>
              </a:spcAft>
              <a:buSzPct val="100000"/>
            </a:pPr>
            <a:r>
              <a:rPr lang="da-DK" dirty="0"/>
              <a:t>Generelt lovmæssighed</a:t>
            </a:r>
          </a:p>
          <a:p>
            <a:pPr marL="342900" indent="-342900" fontAlgn="base">
              <a:lnSpc>
                <a:spcPct val="90000"/>
              </a:lnSpc>
              <a:spcBef>
                <a:spcPts val="598"/>
              </a:spcBef>
              <a:spcAft>
                <a:spcPts val="598"/>
              </a:spcAft>
              <a:buSzPct val="100000"/>
              <a:buFont typeface="+mj-lt"/>
              <a:buAutoNum type="arabicPeriod"/>
            </a:pPr>
            <a:r>
              <a:rPr lang="da-DK" b="1" dirty="0"/>
              <a:t>Ordregivers forventninger </a:t>
            </a:r>
          </a:p>
          <a:p>
            <a:pPr marL="342900" indent="-342900" fontAlgn="base">
              <a:lnSpc>
                <a:spcPct val="90000"/>
              </a:lnSpc>
              <a:spcBef>
                <a:spcPts val="598"/>
              </a:spcBef>
              <a:spcAft>
                <a:spcPts val="598"/>
              </a:spcAft>
              <a:buSzPct val="100000"/>
              <a:buFont typeface="+mj-lt"/>
              <a:buAutoNum type="arabicPeriod"/>
            </a:pPr>
            <a:r>
              <a:rPr lang="da-DK" b="1" dirty="0"/>
              <a:t>Udbudsretlige udfordringer </a:t>
            </a:r>
          </a:p>
          <a:p>
            <a:pPr lvl="1" fontAlgn="base">
              <a:lnSpc>
                <a:spcPct val="90000"/>
              </a:lnSpc>
              <a:spcBef>
                <a:spcPts val="598"/>
              </a:spcBef>
              <a:spcAft>
                <a:spcPts val="598"/>
              </a:spcAft>
              <a:buSzPct val="100000"/>
            </a:pPr>
            <a:r>
              <a:rPr lang="da-DK" dirty="0"/>
              <a:t>Klagenævnets praksis </a:t>
            </a:r>
          </a:p>
          <a:p>
            <a:pPr marL="342900" indent="-342900" fontAlgn="base">
              <a:lnSpc>
                <a:spcPct val="90000"/>
              </a:lnSpc>
              <a:spcBef>
                <a:spcPts val="598"/>
              </a:spcBef>
              <a:spcAft>
                <a:spcPts val="598"/>
              </a:spcAft>
              <a:buSzPct val="100000"/>
              <a:buFont typeface="+mj-lt"/>
              <a:buAutoNum type="arabicPeriod"/>
            </a:pPr>
            <a:r>
              <a:rPr lang="da-DK" b="1" dirty="0"/>
              <a:t>Succes med udbud</a:t>
            </a:r>
          </a:p>
          <a:p>
            <a:pPr marL="342900" indent="-342900" fontAlgn="base">
              <a:lnSpc>
                <a:spcPct val="90000"/>
              </a:lnSpc>
              <a:spcBef>
                <a:spcPts val="598"/>
              </a:spcBef>
              <a:spcAft>
                <a:spcPts val="598"/>
              </a:spcAft>
              <a:buSzPct val="100000"/>
              <a:buFont typeface="+mj-lt"/>
              <a:buAutoNum type="arabicPeriod"/>
            </a:pPr>
            <a:r>
              <a:rPr lang="da-DK" b="1" dirty="0"/>
              <a:t> Spørgsmål </a:t>
            </a:r>
          </a:p>
        </p:txBody>
      </p:sp>
      <p:pic>
        <p:nvPicPr>
          <p:cNvPr id="69" name="Picture 68" descr="Et billede, der indeholder udendørs, græs, sky, vand&#10;&#10;Automatisk genereret beskrivelse">
            <a:extLst>
              <a:ext uri="{FF2B5EF4-FFF2-40B4-BE49-F238E27FC236}">
                <a16:creationId xmlns:a16="http://schemas.microsoft.com/office/drawing/2014/main" id="{9F78F921-F752-CAA9-50F9-2F52C33DE5D6}"/>
              </a:ext>
            </a:extLst>
          </p:cNvPr>
          <p:cNvPicPr>
            <a:picLocks noChangeAspect="1"/>
          </p:cNvPicPr>
          <p:nvPr/>
        </p:nvPicPr>
        <p:blipFill rotWithShape="1">
          <a:blip r:embed="rId2">
            <a:extLst>
              <a:ext uri="{28A0092B-C50C-407E-A947-70E740481C1C}">
                <a14:useLocalDpi xmlns:a14="http://schemas.microsoft.com/office/drawing/2010/main" val="0"/>
              </a:ext>
            </a:extLst>
          </a:blip>
          <a:srcRect l="21098" r="21097" b="-2"/>
          <a:stretch/>
        </p:blipFill>
        <p:spPr>
          <a:xfrm>
            <a:off x="6258828" y="-1"/>
            <a:ext cx="5938927" cy="6858001"/>
          </a:xfrm>
          <a:prstGeom prst="rect">
            <a:avLst/>
          </a:prstGeom>
          <a:noFill/>
        </p:spPr>
      </p:pic>
      <p:sp>
        <p:nvSpPr>
          <p:cNvPr id="75" name="Slide Number Placeholder 5">
            <a:extLst>
              <a:ext uri="{FF2B5EF4-FFF2-40B4-BE49-F238E27FC236}">
                <a16:creationId xmlns:a16="http://schemas.microsoft.com/office/drawing/2014/main" id="{97756E76-CA74-A45C-3242-FADBB18C3EB0}"/>
              </a:ext>
            </a:extLst>
          </p:cNvPr>
          <p:cNvSpPr>
            <a:spLocks noGrp="1"/>
          </p:cNvSpPr>
          <p:nvPr>
            <p:ph type="sldNum" sz="quarter" idx="14"/>
          </p:nvPr>
        </p:nvSpPr>
        <p:spPr>
          <a:xfrm>
            <a:off x="5306779" y="342899"/>
            <a:ext cx="338464" cy="171734"/>
          </a:xfrm>
        </p:spPr>
        <p:txBody>
          <a:bodyPr lIns="0" tIns="0" rIns="0" bIns="0" anchor="ctr" anchorCtr="0">
            <a:normAutofit/>
          </a:bodyPr>
          <a:lstStyle/>
          <a:p>
            <a:pPr>
              <a:spcAft>
                <a:spcPts val="600"/>
              </a:spcAft>
            </a:pPr>
            <a:fld id="{6ACBDE86-91AD-4605-99AD-6345013A9E73}" type="slidenum">
              <a:rPr lang="da-DK" smtClean="0"/>
              <a:pPr>
                <a:spcAft>
                  <a:spcPts val="600"/>
                </a:spcAft>
              </a:pPr>
              <a:t>2</a:t>
            </a:fld>
            <a:endParaRPr lang="da-DK"/>
          </a:p>
        </p:txBody>
      </p:sp>
    </p:spTree>
    <p:extLst>
      <p:ext uri="{BB962C8B-B14F-4D97-AF65-F5344CB8AC3E}">
        <p14:creationId xmlns:p14="http://schemas.microsoft.com/office/powerpoint/2010/main" val="3774048680"/>
      </p:ext>
    </p:extLst>
  </p:cSld>
  <p:clrMapOvr>
    <a:masterClrMapping/>
  </p:clrMapOvr>
  <mc:AlternateContent xmlns:mc="http://schemas.openxmlformats.org/markup-compatibility/2006" xmlns:p14="http://schemas.microsoft.com/office/powerpoint/2010/main">
    <mc:Choice Requires="p14">
      <p:transition spd="slow" p14:dur="2000" advTm="145738"/>
    </mc:Choice>
    <mc:Fallback xmlns="">
      <p:transition spd="slow" advTm="145738"/>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82CCE10C-347A-B412-1364-F95DB294884F}"/>
              </a:ext>
            </a:extLst>
          </p:cNvPr>
          <p:cNvSpPr>
            <a:spLocks noGrp="1"/>
          </p:cNvSpPr>
          <p:nvPr>
            <p:ph type="subTitle" idx="1"/>
          </p:nvPr>
        </p:nvSpPr>
        <p:spPr/>
        <p:txBody>
          <a:bodyPr/>
          <a:lstStyle/>
          <a:p>
            <a:r>
              <a:rPr lang="da-DK" dirty="0"/>
              <a:t>Punkt 6.  succes med udbud</a:t>
            </a:r>
          </a:p>
        </p:txBody>
      </p:sp>
      <p:sp>
        <p:nvSpPr>
          <p:cNvPr id="3" name="Titel 2">
            <a:extLst>
              <a:ext uri="{FF2B5EF4-FFF2-40B4-BE49-F238E27FC236}">
                <a16:creationId xmlns:a16="http://schemas.microsoft.com/office/drawing/2014/main" id="{A93C4184-C850-AC6E-8A44-C7369C933AED}"/>
              </a:ext>
            </a:extLst>
          </p:cNvPr>
          <p:cNvSpPr>
            <a:spLocks noGrp="1"/>
          </p:cNvSpPr>
          <p:nvPr>
            <p:ph type="title"/>
          </p:nvPr>
        </p:nvSpPr>
        <p:spPr/>
        <p:txBody>
          <a:bodyPr/>
          <a:lstStyle/>
          <a:p>
            <a:r>
              <a:rPr lang="da-DK" dirty="0"/>
              <a:t>Opsummering fast praksis</a:t>
            </a:r>
          </a:p>
        </p:txBody>
      </p:sp>
      <p:sp>
        <p:nvSpPr>
          <p:cNvPr id="4" name="Pladsholder til indhold 3">
            <a:extLst>
              <a:ext uri="{FF2B5EF4-FFF2-40B4-BE49-F238E27FC236}">
                <a16:creationId xmlns:a16="http://schemas.microsoft.com/office/drawing/2014/main" id="{C55EC398-BE88-7A59-F9C5-86A70967AD95}"/>
              </a:ext>
            </a:extLst>
          </p:cNvPr>
          <p:cNvSpPr>
            <a:spLocks noGrp="1"/>
          </p:cNvSpPr>
          <p:nvPr>
            <p:ph sz="quarter" idx="21"/>
          </p:nvPr>
        </p:nvSpPr>
        <p:spPr>
          <a:xfrm>
            <a:off x="357982" y="2086113"/>
            <a:ext cx="9877101" cy="4535060"/>
          </a:xfrm>
        </p:spPr>
        <p:txBody>
          <a:bodyPr/>
          <a:lstStyle/>
          <a:p>
            <a:pPr lvl="1"/>
            <a:r>
              <a:rPr lang="da-DK" dirty="0"/>
              <a:t>Tilbudsgiver bære risiko for enhver uklarhed i sit tilbud og omvendt bære ordregiver enhver risiko for uklarheder i udbudsmaterialet</a:t>
            </a:r>
          </a:p>
          <a:p>
            <a:pPr lvl="1"/>
            <a:r>
              <a:rPr lang="da-DK" dirty="0"/>
              <a:t>Ordregiver bære bevisbyrden for sit skøn ved kapitalisering – dermed tilbøjelighed til ikke at kapitalisere forbehold</a:t>
            </a:r>
          </a:p>
          <a:p>
            <a:pPr lvl="1"/>
            <a:r>
              <a:rPr lang="da-DK" dirty="0"/>
              <a:t>Det ikke er afgørende hvordan forbehold er anført – det er tilstrækkeligt at der er rimelig grundlag til at betvivle, hvorvidt kravene er opfyldt. </a:t>
            </a:r>
          </a:p>
          <a:p>
            <a:pPr lvl="1"/>
            <a:r>
              <a:rPr lang="da-DK" dirty="0"/>
              <a:t>Ordregiver har ret til at afvise tilbuds som </a:t>
            </a:r>
            <a:r>
              <a:rPr lang="da-DK" dirty="0" err="1"/>
              <a:t>ukonditionsmæssigt</a:t>
            </a:r>
            <a:r>
              <a:rPr lang="da-DK" dirty="0"/>
              <a:t>, hvis tilbuddet indeholder forbehold – medmindre forbeholdet kan bagatellignede forhold. </a:t>
            </a:r>
          </a:p>
          <a:p>
            <a:pPr lvl="1"/>
            <a:r>
              <a:rPr lang="da-DK" dirty="0"/>
              <a:t>Ordregiver har vidt skøn i sin kvalitative vurdering – medmindre den er ukorrekt eller usaglig – der skal meget til for at omstøde ordregivers vurdering </a:t>
            </a:r>
          </a:p>
        </p:txBody>
      </p:sp>
      <p:sp>
        <p:nvSpPr>
          <p:cNvPr id="5" name="Pladsholder til slidenummer 4">
            <a:extLst>
              <a:ext uri="{FF2B5EF4-FFF2-40B4-BE49-F238E27FC236}">
                <a16:creationId xmlns:a16="http://schemas.microsoft.com/office/drawing/2014/main" id="{F8555E8A-79CB-EE4C-EACE-BD3E2A503C33}"/>
              </a:ext>
            </a:extLst>
          </p:cNvPr>
          <p:cNvSpPr>
            <a:spLocks noGrp="1"/>
          </p:cNvSpPr>
          <p:nvPr>
            <p:ph type="sldNum" sz="quarter" idx="14"/>
          </p:nvPr>
        </p:nvSpPr>
        <p:spPr/>
        <p:txBody>
          <a:bodyPr/>
          <a:lstStyle/>
          <a:p>
            <a:fld id="{6ACBDE86-91AD-4605-99AD-6345013A9E73}" type="slidenum">
              <a:rPr lang="da-DK" smtClean="0"/>
              <a:pPr/>
              <a:t>20</a:t>
            </a:fld>
            <a:endParaRPr lang="da-DK"/>
          </a:p>
        </p:txBody>
      </p:sp>
    </p:spTree>
    <p:extLst>
      <p:ext uri="{BB962C8B-B14F-4D97-AF65-F5344CB8AC3E}">
        <p14:creationId xmlns:p14="http://schemas.microsoft.com/office/powerpoint/2010/main" val="263095811"/>
      </p:ext>
    </p:extLst>
  </p:cSld>
  <p:clrMapOvr>
    <a:masterClrMapping/>
  </p:clrMapOvr>
  <mc:AlternateContent xmlns:mc="http://schemas.openxmlformats.org/markup-compatibility/2006" xmlns:p14="http://schemas.microsoft.com/office/powerpoint/2010/main">
    <mc:Choice Requires="p14">
      <p:transition spd="slow" p14:dur="2000" advTm="231141"/>
    </mc:Choice>
    <mc:Fallback xmlns="">
      <p:transition spd="slow" advTm="231141"/>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ladsholder til billede 6" descr="Et billede, der indeholder udendørs, græs, træ, sky&#10;&#10;Automatisk genereret beskrivelse">
            <a:extLst>
              <a:ext uri="{FF2B5EF4-FFF2-40B4-BE49-F238E27FC236}">
                <a16:creationId xmlns:a16="http://schemas.microsoft.com/office/drawing/2014/main" id="{C6207F18-AE94-CDF8-0F7F-E0D23AE0B5DE}"/>
              </a:ext>
            </a:extLst>
          </p:cNvPr>
          <p:cNvPicPr>
            <a:picLocks noGrp="1" noChangeAspect="1"/>
          </p:cNvPicPr>
          <p:nvPr>
            <p:ph type="pic" sz="quarter" idx="10"/>
          </p:nvPr>
        </p:nvPicPr>
        <p:blipFill>
          <a:blip r:embed="rId2">
            <a:extLst>
              <a:ext uri="{28A0092B-C50C-407E-A947-70E740481C1C}">
                <a14:useLocalDpi xmlns:a14="http://schemas.microsoft.com/office/drawing/2010/main" val="0"/>
              </a:ext>
            </a:extLst>
          </a:blip>
          <a:srcRect l="9440" r="9440"/>
          <a:stretch>
            <a:fillRect/>
          </a:stretch>
        </p:blipFill>
        <p:spPr/>
      </p:pic>
      <p:sp>
        <p:nvSpPr>
          <p:cNvPr id="3" name="Titel 2">
            <a:extLst>
              <a:ext uri="{FF2B5EF4-FFF2-40B4-BE49-F238E27FC236}">
                <a16:creationId xmlns:a16="http://schemas.microsoft.com/office/drawing/2014/main" id="{4F411407-174D-E3D1-116E-18D587FC7473}"/>
              </a:ext>
            </a:extLst>
          </p:cNvPr>
          <p:cNvSpPr>
            <a:spLocks noGrp="1"/>
          </p:cNvSpPr>
          <p:nvPr>
            <p:ph type="ctrTitle"/>
          </p:nvPr>
        </p:nvSpPr>
        <p:spPr/>
        <p:txBody>
          <a:bodyPr/>
          <a:lstStyle/>
          <a:p>
            <a:r>
              <a:rPr lang="da-DK" dirty="0"/>
              <a:t>Succes med  udbud </a:t>
            </a:r>
          </a:p>
        </p:txBody>
      </p:sp>
      <p:sp>
        <p:nvSpPr>
          <p:cNvPr id="4" name="Undertitel 3">
            <a:extLst>
              <a:ext uri="{FF2B5EF4-FFF2-40B4-BE49-F238E27FC236}">
                <a16:creationId xmlns:a16="http://schemas.microsoft.com/office/drawing/2014/main" id="{93E32B25-27B5-9B51-AEDE-87FEA03B8B4C}"/>
              </a:ext>
            </a:extLst>
          </p:cNvPr>
          <p:cNvSpPr>
            <a:spLocks noGrp="1"/>
          </p:cNvSpPr>
          <p:nvPr>
            <p:ph type="subTitle" idx="1"/>
          </p:nvPr>
        </p:nvSpPr>
        <p:spPr/>
        <p:txBody>
          <a:bodyPr/>
          <a:lstStyle/>
          <a:p>
            <a:endParaRPr lang="da-DK"/>
          </a:p>
        </p:txBody>
      </p:sp>
      <p:sp>
        <p:nvSpPr>
          <p:cNvPr id="5" name="Pladsholder til slidenummer 4">
            <a:extLst>
              <a:ext uri="{FF2B5EF4-FFF2-40B4-BE49-F238E27FC236}">
                <a16:creationId xmlns:a16="http://schemas.microsoft.com/office/drawing/2014/main" id="{09AF7F86-6B66-9587-7CB7-8E47C8C3F33A}"/>
              </a:ext>
            </a:extLst>
          </p:cNvPr>
          <p:cNvSpPr>
            <a:spLocks noGrp="1"/>
          </p:cNvSpPr>
          <p:nvPr>
            <p:ph type="sldNum" sz="quarter" idx="4"/>
          </p:nvPr>
        </p:nvSpPr>
        <p:spPr/>
        <p:txBody>
          <a:bodyPr/>
          <a:lstStyle/>
          <a:p>
            <a:fld id="{6ACBDE86-91AD-4605-99AD-6345013A9E73}" type="slidenum">
              <a:rPr lang="da-DK" smtClean="0"/>
              <a:pPr/>
              <a:t>21</a:t>
            </a:fld>
            <a:endParaRPr lang="da-DK"/>
          </a:p>
        </p:txBody>
      </p:sp>
    </p:spTree>
    <p:extLst>
      <p:ext uri="{BB962C8B-B14F-4D97-AF65-F5344CB8AC3E}">
        <p14:creationId xmlns:p14="http://schemas.microsoft.com/office/powerpoint/2010/main" val="2833670023"/>
      </p:ext>
    </p:extLst>
  </p:cSld>
  <p:clrMapOvr>
    <a:masterClrMapping/>
  </p:clrMapOvr>
  <mc:AlternateContent xmlns:mc="http://schemas.openxmlformats.org/markup-compatibility/2006" xmlns:p14="http://schemas.microsoft.com/office/powerpoint/2010/main">
    <mc:Choice Requires="p14">
      <p:transition spd="slow" p14:dur="2000" advTm="10347"/>
    </mc:Choice>
    <mc:Fallback xmlns="">
      <p:transition spd="slow" advTm="10347"/>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CDBEE0B5-6AE6-09FC-C5A6-8CBD969D82ED}"/>
              </a:ext>
            </a:extLst>
          </p:cNvPr>
          <p:cNvSpPr>
            <a:spLocks noGrp="1"/>
          </p:cNvSpPr>
          <p:nvPr>
            <p:ph type="subTitle" idx="1"/>
          </p:nvPr>
        </p:nvSpPr>
        <p:spPr/>
        <p:txBody>
          <a:bodyPr/>
          <a:lstStyle/>
          <a:p>
            <a:r>
              <a:rPr lang="da-DK" dirty="0"/>
              <a:t>Punkt 6.  succes med udbud</a:t>
            </a:r>
          </a:p>
        </p:txBody>
      </p:sp>
      <p:sp>
        <p:nvSpPr>
          <p:cNvPr id="3" name="Titel 2">
            <a:extLst>
              <a:ext uri="{FF2B5EF4-FFF2-40B4-BE49-F238E27FC236}">
                <a16:creationId xmlns:a16="http://schemas.microsoft.com/office/drawing/2014/main" id="{AE51A6B1-AD55-4BFB-4CC4-A80528095642}"/>
              </a:ext>
            </a:extLst>
          </p:cNvPr>
          <p:cNvSpPr>
            <a:spLocks noGrp="1"/>
          </p:cNvSpPr>
          <p:nvPr>
            <p:ph type="title"/>
          </p:nvPr>
        </p:nvSpPr>
        <p:spPr/>
        <p:txBody>
          <a:bodyPr/>
          <a:lstStyle/>
          <a:p>
            <a:r>
              <a:rPr lang="da-DK" dirty="0"/>
              <a:t>Vores anbefalinger </a:t>
            </a:r>
          </a:p>
        </p:txBody>
      </p:sp>
      <p:sp>
        <p:nvSpPr>
          <p:cNvPr id="4" name="Pladsholder til indhold 3">
            <a:extLst>
              <a:ext uri="{FF2B5EF4-FFF2-40B4-BE49-F238E27FC236}">
                <a16:creationId xmlns:a16="http://schemas.microsoft.com/office/drawing/2014/main" id="{FFD1B318-0405-CD1A-80C2-0B014DDDBD08}"/>
              </a:ext>
            </a:extLst>
          </p:cNvPr>
          <p:cNvSpPr>
            <a:spLocks noGrp="1"/>
          </p:cNvSpPr>
          <p:nvPr>
            <p:ph sz="quarter" idx="21"/>
          </p:nvPr>
        </p:nvSpPr>
        <p:spPr/>
        <p:txBody>
          <a:bodyPr/>
          <a:lstStyle/>
          <a:p>
            <a:pPr marL="0" indent="0">
              <a:buNone/>
            </a:pPr>
            <a:endParaRPr lang="da-DK" sz="2000" dirty="0"/>
          </a:p>
          <a:p>
            <a:r>
              <a:rPr lang="da-DK" sz="2000" dirty="0"/>
              <a:t>Følg ordregivers anvisninger til udformning af tilbud – følg formalia!</a:t>
            </a:r>
          </a:p>
          <a:p>
            <a:r>
              <a:rPr lang="da-DK" sz="2000" dirty="0"/>
              <a:t>Fokus på kvalitetssikring af tilbud</a:t>
            </a:r>
          </a:p>
          <a:p>
            <a:r>
              <a:rPr lang="da-DK" sz="2000" dirty="0"/>
              <a:t>Deltag på markedsdialoger og benyt spørgsmål og svar-processen til at få præciseret/tilpasses udbudsmaterialet </a:t>
            </a:r>
          </a:p>
          <a:p>
            <a:r>
              <a:rPr lang="da-DK" sz="2000" dirty="0"/>
              <a:t>Anbefaling er at søg professionel rådgivning ifm. udbudsprocesser </a:t>
            </a:r>
          </a:p>
          <a:p>
            <a:r>
              <a:rPr lang="da-DK" sz="2000" dirty="0"/>
              <a:t>Realistiske tilbud – gennemsigtighed og ærlighed fremfor prisspekulation </a:t>
            </a:r>
          </a:p>
          <a:p>
            <a:endParaRPr lang="da-DK" dirty="0"/>
          </a:p>
        </p:txBody>
      </p:sp>
      <p:sp>
        <p:nvSpPr>
          <p:cNvPr id="5" name="Pladsholder til slidenummer 4">
            <a:extLst>
              <a:ext uri="{FF2B5EF4-FFF2-40B4-BE49-F238E27FC236}">
                <a16:creationId xmlns:a16="http://schemas.microsoft.com/office/drawing/2014/main" id="{9D2B5BBF-59F1-E665-B977-018C2998D002}"/>
              </a:ext>
            </a:extLst>
          </p:cNvPr>
          <p:cNvSpPr>
            <a:spLocks noGrp="1"/>
          </p:cNvSpPr>
          <p:nvPr>
            <p:ph type="sldNum" sz="quarter" idx="14"/>
          </p:nvPr>
        </p:nvSpPr>
        <p:spPr/>
        <p:txBody>
          <a:bodyPr/>
          <a:lstStyle/>
          <a:p>
            <a:fld id="{6ACBDE86-91AD-4605-99AD-6345013A9E73}" type="slidenum">
              <a:rPr lang="da-DK" smtClean="0"/>
              <a:pPr/>
              <a:t>22</a:t>
            </a:fld>
            <a:endParaRPr lang="da-DK"/>
          </a:p>
        </p:txBody>
      </p:sp>
    </p:spTree>
    <p:extLst>
      <p:ext uri="{BB962C8B-B14F-4D97-AF65-F5344CB8AC3E}">
        <p14:creationId xmlns:p14="http://schemas.microsoft.com/office/powerpoint/2010/main" val="3147870488"/>
      </p:ext>
    </p:extLst>
  </p:cSld>
  <p:clrMapOvr>
    <a:masterClrMapping/>
  </p:clrMapOvr>
  <mc:AlternateContent xmlns:mc="http://schemas.openxmlformats.org/markup-compatibility/2006" xmlns:p14="http://schemas.microsoft.com/office/powerpoint/2010/main">
    <mc:Choice Requires="p14">
      <p:transition spd="slow" p14:dur="2000" advTm="209882"/>
    </mc:Choice>
    <mc:Fallback xmlns="">
      <p:transition spd="slow" advTm="209882"/>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C62683E-8204-1985-2512-D55950F3749F}"/>
              </a:ext>
            </a:extLst>
          </p:cNvPr>
          <p:cNvSpPr>
            <a:spLocks noGrp="1"/>
          </p:cNvSpPr>
          <p:nvPr>
            <p:ph type="ctrTitle"/>
          </p:nvPr>
        </p:nvSpPr>
        <p:spPr/>
        <p:txBody>
          <a:bodyPr/>
          <a:lstStyle/>
          <a:p>
            <a:r>
              <a:rPr lang="da-DK"/>
              <a:t>Spørgsmål</a:t>
            </a:r>
          </a:p>
        </p:txBody>
      </p:sp>
      <p:sp>
        <p:nvSpPr>
          <p:cNvPr id="3" name="Undertitel 2">
            <a:extLst>
              <a:ext uri="{FF2B5EF4-FFF2-40B4-BE49-F238E27FC236}">
                <a16:creationId xmlns:a16="http://schemas.microsoft.com/office/drawing/2014/main" id="{E96A48D1-350A-12D8-E1EE-73E7A3885A64}"/>
              </a:ext>
            </a:extLst>
          </p:cNvPr>
          <p:cNvSpPr>
            <a:spLocks noGrp="1"/>
          </p:cNvSpPr>
          <p:nvPr>
            <p:ph type="subTitle" idx="1"/>
          </p:nvPr>
        </p:nvSpPr>
        <p:spPr/>
        <p:txBody>
          <a:bodyPr/>
          <a:lstStyle/>
          <a:p>
            <a:endParaRPr lang="da-DK"/>
          </a:p>
        </p:txBody>
      </p:sp>
      <p:sp>
        <p:nvSpPr>
          <p:cNvPr id="4" name="Pladsholder til slidenummer 3">
            <a:extLst>
              <a:ext uri="{FF2B5EF4-FFF2-40B4-BE49-F238E27FC236}">
                <a16:creationId xmlns:a16="http://schemas.microsoft.com/office/drawing/2014/main" id="{B8988D72-44F9-9C3B-ED25-DE0C6891FACD}"/>
              </a:ext>
            </a:extLst>
          </p:cNvPr>
          <p:cNvSpPr>
            <a:spLocks noGrp="1"/>
          </p:cNvSpPr>
          <p:nvPr>
            <p:ph type="sldNum" sz="quarter" idx="4"/>
          </p:nvPr>
        </p:nvSpPr>
        <p:spPr/>
        <p:txBody>
          <a:bodyPr/>
          <a:lstStyle/>
          <a:p>
            <a:fld id="{6ACBDE86-91AD-4605-99AD-6345013A9E73}" type="slidenum">
              <a:rPr lang="da-DK" smtClean="0"/>
              <a:pPr/>
              <a:t>23</a:t>
            </a:fld>
            <a:endParaRPr lang="da-DK"/>
          </a:p>
        </p:txBody>
      </p:sp>
    </p:spTree>
    <p:extLst>
      <p:ext uri="{BB962C8B-B14F-4D97-AF65-F5344CB8AC3E}">
        <p14:creationId xmlns:p14="http://schemas.microsoft.com/office/powerpoint/2010/main" val="1123558383"/>
      </p:ext>
    </p:extLst>
  </p:cSld>
  <p:clrMapOvr>
    <a:masterClrMapping/>
  </p:clrMapOvr>
  <mc:AlternateContent xmlns:mc="http://schemas.openxmlformats.org/markup-compatibility/2006" xmlns:p14="http://schemas.microsoft.com/office/powerpoint/2010/main">
    <mc:Choice Requires="p14">
      <p:transition spd="slow" p14:dur="2000" advTm="2076"/>
    </mc:Choice>
    <mc:Fallback xmlns="">
      <p:transition spd="slow" advTm="2076"/>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9EBF08-C7D2-6B05-6112-3A2B1262A248}"/>
              </a:ext>
            </a:extLst>
          </p:cNvPr>
          <p:cNvSpPr>
            <a:spLocks noGrp="1"/>
          </p:cNvSpPr>
          <p:nvPr>
            <p:ph type="ctrTitle"/>
          </p:nvPr>
        </p:nvSpPr>
        <p:spPr/>
        <p:txBody>
          <a:bodyPr/>
          <a:lstStyle/>
          <a:p>
            <a:r>
              <a:rPr lang="da-DK"/>
              <a:t>Tak for i dag!</a:t>
            </a:r>
          </a:p>
        </p:txBody>
      </p:sp>
      <p:sp>
        <p:nvSpPr>
          <p:cNvPr id="3" name="Undertitel 2">
            <a:extLst>
              <a:ext uri="{FF2B5EF4-FFF2-40B4-BE49-F238E27FC236}">
                <a16:creationId xmlns:a16="http://schemas.microsoft.com/office/drawing/2014/main" id="{5A3FBCCF-05AA-6434-B0A9-324D68BD2D79}"/>
              </a:ext>
            </a:extLst>
          </p:cNvPr>
          <p:cNvSpPr>
            <a:spLocks noGrp="1"/>
          </p:cNvSpPr>
          <p:nvPr>
            <p:ph type="subTitle" idx="1"/>
          </p:nvPr>
        </p:nvSpPr>
        <p:spPr/>
        <p:txBody>
          <a:bodyPr/>
          <a:lstStyle/>
          <a:p>
            <a:endParaRPr lang="da-DK"/>
          </a:p>
        </p:txBody>
      </p:sp>
      <p:sp>
        <p:nvSpPr>
          <p:cNvPr id="4" name="Pladsholder til slidenummer 3">
            <a:extLst>
              <a:ext uri="{FF2B5EF4-FFF2-40B4-BE49-F238E27FC236}">
                <a16:creationId xmlns:a16="http://schemas.microsoft.com/office/drawing/2014/main" id="{E84840A9-9DB9-7ADA-C571-EB437B0CFF1B}"/>
              </a:ext>
            </a:extLst>
          </p:cNvPr>
          <p:cNvSpPr>
            <a:spLocks noGrp="1"/>
          </p:cNvSpPr>
          <p:nvPr>
            <p:ph type="sldNum" sz="quarter" idx="4"/>
          </p:nvPr>
        </p:nvSpPr>
        <p:spPr/>
        <p:txBody>
          <a:bodyPr/>
          <a:lstStyle/>
          <a:p>
            <a:fld id="{6ACBDE86-91AD-4605-99AD-6345013A9E73}" type="slidenum">
              <a:rPr lang="da-DK" smtClean="0"/>
              <a:pPr/>
              <a:t>24</a:t>
            </a:fld>
            <a:endParaRPr lang="da-DK"/>
          </a:p>
        </p:txBody>
      </p:sp>
    </p:spTree>
    <p:extLst>
      <p:ext uri="{BB962C8B-B14F-4D97-AF65-F5344CB8AC3E}">
        <p14:creationId xmlns:p14="http://schemas.microsoft.com/office/powerpoint/2010/main" val="885398750"/>
      </p:ext>
    </p:extLst>
  </p:cSld>
  <p:clrMapOvr>
    <a:masterClrMapping/>
  </p:clrMapOvr>
  <mc:AlternateContent xmlns:mc="http://schemas.openxmlformats.org/markup-compatibility/2006" xmlns:p14="http://schemas.microsoft.com/office/powerpoint/2010/main">
    <mc:Choice Requires="p14">
      <p:transition spd="slow" p14:dur="2000" advTm="19073"/>
    </mc:Choice>
    <mc:Fallback xmlns="">
      <p:transition spd="slow" advTm="19073"/>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31871136-241D-2443-9FAB-C087BF4E5338}"/>
              </a:ext>
            </a:extLst>
          </p:cNvPr>
          <p:cNvSpPr>
            <a:spLocks noGrp="1"/>
          </p:cNvSpPr>
          <p:nvPr>
            <p:ph type="ctrTitle"/>
          </p:nvPr>
        </p:nvSpPr>
        <p:spPr/>
        <p:txBody>
          <a:bodyPr/>
          <a:lstStyle/>
          <a:p>
            <a:r>
              <a:rPr lang="da-DK" dirty="0"/>
              <a:t>Lidt om mig…</a:t>
            </a:r>
          </a:p>
        </p:txBody>
      </p:sp>
      <p:sp>
        <p:nvSpPr>
          <p:cNvPr id="5" name="Pladsholder til slidenummer 4">
            <a:extLst>
              <a:ext uri="{FF2B5EF4-FFF2-40B4-BE49-F238E27FC236}">
                <a16:creationId xmlns:a16="http://schemas.microsoft.com/office/drawing/2014/main" id="{0146047C-7BEF-3B22-CE49-B22529328188}"/>
              </a:ext>
            </a:extLst>
          </p:cNvPr>
          <p:cNvSpPr>
            <a:spLocks noGrp="1"/>
          </p:cNvSpPr>
          <p:nvPr>
            <p:ph type="sldNum" sz="quarter" idx="4"/>
          </p:nvPr>
        </p:nvSpPr>
        <p:spPr/>
        <p:txBody>
          <a:bodyPr/>
          <a:lstStyle/>
          <a:p>
            <a:fld id="{6ACBDE86-91AD-4605-99AD-6345013A9E73}" type="slidenum">
              <a:rPr lang="da-DK" smtClean="0"/>
              <a:pPr/>
              <a:t>3</a:t>
            </a:fld>
            <a:endParaRPr lang="da-DK"/>
          </a:p>
        </p:txBody>
      </p:sp>
    </p:spTree>
    <p:extLst>
      <p:ext uri="{BB962C8B-B14F-4D97-AF65-F5344CB8AC3E}">
        <p14:creationId xmlns:p14="http://schemas.microsoft.com/office/powerpoint/2010/main" val="3101960133"/>
      </p:ext>
    </p:extLst>
  </p:cSld>
  <p:clrMapOvr>
    <a:masterClrMapping/>
  </p:clrMapOvr>
  <mc:AlternateContent xmlns:mc="http://schemas.openxmlformats.org/markup-compatibility/2006" xmlns:p14="http://schemas.microsoft.com/office/powerpoint/2010/main">
    <mc:Choice Requires="p14">
      <p:transition spd="slow" p14:dur="2000" advTm="1124"/>
    </mc:Choice>
    <mc:Fallback xmlns="">
      <p:transition spd="slow" advTm="1124"/>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Subtitle 1">
            <a:extLst>
              <a:ext uri="{FF2B5EF4-FFF2-40B4-BE49-F238E27FC236}">
                <a16:creationId xmlns:a16="http://schemas.microsoft.com/office/drawing/2014/main" id="{2C932B33-4AD4-16EE-6181-13A8AA67265C}"/>
              </a:ext>
            </a:extLst>
          </p:cNvPr>
          <p:cNvSpPr>
            <a:spLocks noGrp="1"/>
          </p:cNvSpPr>
          <p:nvPr>
            <p:ph type="subTitle" idx="1"/>
          </p:nvPr>
        </p:nvSpPr>
        <p:spPr>
          <a:xfrm>
            <a:off x="357982" y="342900"/>
            <a:ext cx="9856991" cy="171734"/>
          </a:xfrm>
        </p:spPr>
        <p:txBody>
          <a:bodyPr/>
          <a:lstStyle/>
          <a:p>
            <a:r>
              <a:rPr lang="en-US" dirty="0" err="1"/>
              <a:t>Punkt</a:t>
            </a:r>
            <a:r>
              <a:rPr lang="en-US" dirty="0"/>
              <a:t> 1. </a:t>
            </a:r>
            <a:r>
              <a:rPr lang="en-US" dirty="0" err="1"/>
              <a:t>Baggrund</a:t>
            </a:r>
            <a:endParaRPr lang="en-US" dirty="0"/>
          </a:p>
        </p:txBody>
      </p:sp>
      <p:sp>
        <p:nvSpPr>
          <p:cNvPr id="3" name="Titel 2">
            <a:extLst>
              <a:ext uri="{FF2B5EF4-FFF2-40B4-BE49-F238E27FC236}">
                <a16:creationId xmlns:a16="http://schemas.microsoft.com/office/drawing/2014/main" id="{C5CD9C4E-12AB-C74C-A6BA-333826321594}"/>
              </a:ext>
            </a:extLst>
          </p:cNvPr>
          <p:cNvSpPr>
            <a:spLocks noGrp="1"/>
          </p:cNvSpPr>
          <p:nvPr>
            <p:ph type="title"/>
          </p:nvPr>
        </p:nvSpPr>
        <p:spPr>
          <a:xfrm>
            <a:off x="337093" y="816178"/>
            <a:ext cx="11507042" cy="968391"/>
          </a:xfrm>
        </p:spPr>
        <p:txBody>
          <a:bodyPr wrap="square" anchor="ctr">
            <a:normAutofit/>
          </a:bodyPr>
          <a:lstStyle/>
          <a:p>
            <a:r>
              <a:rPr lang="da-DK" dirty="0"/>
              <a:t>Baggrund</a:t>
            </a:r>
          </a:p>
        </p:txBody>
      </p:sp>
      <p:sp>
        <p:nvSpPr>
          <p:cNvPr id="4" name="Pladsholder til indhold 3">
            <a:extLst>
              <a:ext uri="{FF2B5EF4-FFF2-40B4-BE49-F238E27FC236}">
                <a16:creationId xmlns:a16="http://schemas.microsoft.com/office/drawing/2014/main" id="{6B31BAB7-54FE-3D23-6762-DF234A614F76}"/>
              </a:ext>
            </a:extLst>
          </p:cNvPr>
          <p:cNvSpPr>
            <a:spLocks noGrp="1"/>
          </p:cNvSpPr>
          <p:nvPr>
            <p:ph sz="quarter" idx="21"/>
          </p:nvPr>
        </p:nvSpPr>
        <p:spPr>
          <a:xfrm>
            <a:off x="487682" y="2086113"/>
            <a:ext cx="5394955" cy="4629647"/>
          </a:xfrm>
        </p:spPr>
        <p:txBody>
          <a:bodyPr wrap="square" anchor="t">
            <a:normAutofit fontScale="85000" lnSpcReduction="20000"/>
          </a:bodyPr>
          <a:lstStyle/>
          <a:p>
            <a:pPr marL="0" indent="0">
              <a:lnSpc>
                <a:spcPct val="90000"/>
              </a:lnSpc>
              <a:buNone/>
            </a:pPr>
            <a:r>
              <a:rPr lang="da-DK" sz="1800" b="1" dirty="0"/>
              <a:t>KARRIERE </a:t>
            </a:r>
          </a:p>
          <a:p>
            <a:pPr marL="0" indent="0">
              <a:lnSpc>
                <a:spcPct val="90000"/>
              </a:lnSpc>
              <a:buNone/>
            </a:pPr>
            <a:r>
              <a:rPr lang="da-DK" sz="1600" dirty="0"/>
              <a:t>2022 – d.d.</a:t>
            </a:r>
          </a:p>
          <a:p>
            <a:pPr marL="0" indent="0">
              <a:lnSpc>
                <a:spcPct val="90000"/>
              </a:lnSpc>
              <a:buNone/>
            </a:pPr>
            <a:r>
              <a:rPr lang="da-DK" sz="1600" dirty="0"/>
              <a:t> Indkøb, Vejdirektoratet  </a:t>
            </a:r>
          </a:p>
          <a:p>
            <a:pPr>
              <a:lnSpc>
                <a:spcPct val="90000"/>
              </a:lnSpc>
            </a:pPr>
            <a:r>
              <a:rPr lang="da-DK" sz="1600" i="1" dirty="0"/>
              <a:t>Udbud og kontraktstyring </a:t>
            </a:r>
          </a:p>
          <a:p>
            <a:pPr marL="0" indent="0">
              <a:lnSpc>
                <a:spcPct val="90000"/>
              </a:lnSpc>
              <a:buNone/>
            </a:pPr>
            <a:r>
              <a:rPr lang="da-DK" sz="1600" dirty="0"/>
              <a:t>2020 – 2022</a:t>
            </a:r>
          </a:p>
          <a:p>
            <a:pPr marL="0" indent="0">
              <a:lnSpc>
                <a:spcPct val="90000"/>
              </a:lnSpc>
              <a:buNone/>
            </a:pPr>
            <a:r>
              <a:rPr lang="da-DK" sz="1600" dirty="0"/>
              <a:t>Koncern IT, Københavns Kommune</a:t>
            </a:r>
          </a:p>
          <a:p>
            <a:pPr>
              <a:lnSpc>
                <a:spcPct val="90000"/>
              </a:lnSpc>
            </a:pPr>
            <a:r>
              <a:rPr lang="da-DK" sz="1600" i="1" dirty="0"/>
              <a:t>Dynamiske indkøbssystemer og agil-projekter</a:t>
            </a:r>
          </a:p>
          <a:p>
            <a:pPr marL="0" indent="0">
              <a:lnSpc>
                <a:spcPct val="90000"/>
              </a:lnSpc>
              <a:buNone/>
            </a:pPr>
            <a:r>
              <a:rPr lang="da-DK" sz="1600" dirty="0"/>
              <a:t>2016 – 2020</a:t>
            </a:r>
          </a:p>
          <a:p>
            <a:pPr marL="0" indent="0">
              <a:lnSpc>
                <a:spcPct val="90000"/>
              </a:lnSpc>
              <a:buNone/>
            </a:pPr>
            <a:r>
              <a:rPr lang="da-DK" sz="1600" dirty="0"/>
              <a:t>Statens Indkøb (Rådgivningsenheden), Økonomistyrelsen</a:t>
            </a:r>
          </a:p>
          <a:p>
            <a:pPr>
              <a:lnSpc>
                <a:spcPct val="90000"/>
              </a:lnSpc>
            </a:pPr>
            <a:r>
              <a:rPr lang="da-DK" sz="1600" i="1" dirty="0"/>
              <a:t>Udbud af de fællesstatslige rammeaftaler</a:t>
            </a:r>
          </a:p>
          <a:p>
            <a:pPr marL="0" indent="0">
              <a:lnSpc>
                <a:spcPct val="90000"/>
              </a:lnSpc>
              <a:buNone/>
            </a:pPr>
            <a:r>
              <a:rPr lang="da-DK" sz="1800" b="1" dirty="0"/>
              <a:t>VIDEREUDDANNELSE</a:t>
            </a:r>
          </a:p>
          <a:p>
            <a:pPr marL="0" indent="0">
              <a:lnSpc>
                <a:spcPct val="90000"/>
              </a:lnSpc>
              <a:buNone/>
            </a:pPr>
            <a:r>
              <a:rPr lang="da-DK" sz="1600" dirty="0"/>
              <a:t>2023 -  d.d., </a:t>
            </a:r>
            <a:r>
              <a:rPr lang="da-DK" sz="1600" dirty="0" err="1"/>
              <a:t>BA.jur</a:t>
            </a:r>
            <a:r>
              <a:rPr lang="da-DK" sz="1600" dirty="0"/>
              <a:t>. SDU</a:t>
            </a:r>
          </a:p>
          <a:p>
            <a:pPr marL="0" indent="0">
              <a:lnSpc>
                <a:spcPct val="90000"/>
              </a:lnSpc>
              <a:buNone/>
            </a:pPr>
            <a:r>
              <a:rPr lang="da-DK" sz="1800" b="1" dirty="0"/>
              <a:t>UDDANNELSE</a:t>
            </a:r>
            <a:endParaRPr lang="da-DK" sz="1800" dirty="0"/>
          </a:p>
          <a:p>
            <a:pPr marL="0" indent="0">
              <a:lnSpc>
                <a:spcPct val="90000"/>
              </a:lnSpc>
              <a:buNone/>
            </a:pPr>
            <a:r>
              <a:rPr lang="da-DK" sz="1600" dirty="0"/>
              <a:t>2011 - 2016 </a:t>
            </a:r>
          </a:p>
          <a:p>
            <a:pPr marL="0" indent="0">
              <a:lnSpc>
                <a:spcPct val="90000"/>
              </a:lnSpc>
              <a:buNone/>
            </a:pPr>
            <a:r>
              <a:rPr lang="da-DK" sz="1600" dirty="0"/>
              <a:t>Cand. Merc. Jur., Copenhagen Business School (CBS)</a:t>
            </a:r>
          </a:p>
          <a:p>
            <a:pPr>
              <a:lnSpc>
                <a:spcPct val="90000"/>
              </a:lnSpc>
            </a:pPr>
            <a:endParaRPr lang="da-DK" sz="1800" dirty="0"/>
          </a:p>
          <a:p>
            <a:pPr marL="0" indent="0">
              <a:lnSpc>
                <a:spcPct val="90000"/>
              </a:lnSpc>
              <a:buNone/>
            </a:pPr>
            <a:endParaRPr lang="da-DK" sz="1800" dirty="0"/>
          </a:p>
        </p:txBody>
      </p:sp>
      <p:pic>
        <p:nvPicPr>
          <p:cNvPr id="7" name="Pladsholder til indhold 6" descr="Et billede, der indeholder tøj, Ansigt, person, sjal&#10;&#10;Automatisk genereret beskrivelse">
            <a:extLst>
              <a:ext uri="{FF2B5EF4-FFF2-40B4-BE49-F238E27FC236}">
                <a16:creationId xmlns:a16="http://schemas.microsoft.com/office/drawing/2014/main" id="{BB0759B5-AF1F-5507-DB64-FAF3ED662962}"/>
              </a:ext>
            </a:extLst>
          </p:cNvPr>
          <p:cNvPicPr>
            <a:picLocks noGrp="1" noChangeAspect="1"/>
          </p:cNvPicPr>
          <p:nvPr>
            <p:ph sz="quarter" idx="22"/>
          </p:nvPr>
        </p:nvPicPr>
        <p:blipFill rotWithShape="1">
          <a:blip r:embed="rId3">
            <a:extLst>
              <a:ext uri="{28A0092B-C50C-407E-A947-70E740481C1C}">
                <a14:useLocalDpi xmlns:a14="http://schemas.microsoft.com/office/drawing/2010/main" val="0"/>
              </a:ext>
            </a:extLst>
          </a:blip>
          <a:srcRect l="20148" t="4963" r="23277"/>
          <a:stretch/>
        </p:blipFill>
        <p:spPr>
          <a:xfrm>
            <a:off x="8063956" y="1784569"/>
            <a:ext cx="2151017" cy="2407028"/>
          </a:xfrm>
          <a:prstGeom prst="rect">
            <a:avLst/>
          </a:prstGeom>
          <a:ln>
            <a:noFill/>
          </a:ln>
          <a:effectLst>
            <a:outerShdw blurRad="292100" dist="139700" dir="2700000" algn="tl" rotWithShape="0">
              <a:srgbClr val="333333">
                <a:alpha val="65000"/>
              </a:srgbClr>
            </a:outerShdw>
          </a:effectLst>
        </p:spPr>
      </p:pic>
      <p:sp>
        <p:nvSpPr>
          <p:cNvPr id="5" name="Pladsholder til slidenummer 4">
            <a:extLst>
              <a:ext uri="{FF2B5EF4-FFF2-40B4-BE49-F238E27FC236}">
                <a16:creationId xmlns:a16="http://schemas.microsoft.com/office/drawing/2014/main" id="{721A2BC7-30FC-C6A4-C341-0F1F9DBB0C52}"/>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4</a:t>
            </a:fld>
            <a:endParaRPr lang="da-DK"/>
          </a:p>
        </p:txBody>
      </p:sp>
      <p:cxnSp>
        <p:nvCxnSpPr>
          <p:cNvPr id="19" name="Lige forbindelse 18">
            <a:extLst>
              <a:ext uri="{FF2B5EF4-FFF2-40B4-BE49-F238E27FC236}">
                <a16:creationId xmlns:a16="http://schemas.microsoft.com/office/drawing/2014/main" id="{80AE3197-5940-A1FB-9E25-DB075BDEFA09}"/>
              </a:ext>
            </a:extLst>
          </p:cNvPr>
          <p:cNvCxnSpPr>
            <a:cxnSpLocks/>
          </p:cNvCxnSpPr>
          <p:nvPr/>
        </p:nvCxnSpPr>
        <p:spPr bwMode="auto">
          <a:xfrm>
            <a:off x="6165669" y="1915886"/>
            <a:ext cx="0" cy="4206240"/>
          </a:xfrm>
          <a:prstGeom prst="line">
            <a:avLst/>
          </a:prstGeom>
          <a:ln>
            <a:headEnd type="none" w="med" len="med"/>
            <a:tailEnd type="none" w="lg" len="med"/>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527157606"/>
      </p:ext>
    </p:extLst>
  </p:cSld>
  <p:clrMapOvr>
    <a:masterClrMapping/>
  </p:clrMapOvr>
  <mc:AlternateContent xmlns:mc="http://schemas.openxmlformats.org/markup-compatibility/2006" xmlns:p14="http://schemas.microsoft.com/office/powerpoint/2010/main">
    <mc:Choice Requires="p14">
      <p:transition spd="slow" p14:dur="2000" advTm="100204"/>
    </mc:Choice>
    <mc:Fallback xmlns="">
      <p:transition spd="slow" advTm="100204"/>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Subtitle 1">
            <a:extLst>
              <a:ext uri="{FF2B5EF4-FFF2-40B4-BE49-F238E27FC236}">
                <a16:creationId xmlns:a16="http://schemas.microsoft.com/office/drawing/2014/main" id="{179FD339-14CD-987A-8EA7-A01C58131D59}"/>
              </a:ext>
            </a:extLst>
          </p:cNvPr>
          <p:cNvSpPr>
            <a:spLocks noGrp="1"/>
          </p:cNvSpPr>
          <p:nvPr>
            <p:ph type="subTitle" idx="1"/>
          </p:nvPr>
        </p:nvSpPr>
        <p:spPr>
          <a:xfrm>
            <a:off x="357977" y="342899"/>
            <a:ext cx="9856991" cy="171734"/>
          </a:xfrm>
        </p:spPr>
        <p:txBody>
          <a:bodyPr/>
          <a:lstStyle/>
          <a:p>
            <a:r>
              <a:rPr lang="en-US" dirty="0" err="1"/>
              <a:t>Punkt</a:t>
            </a:r>
            <a:r>
              <a:rPr lang="en-US" dirty="0"/>
              <a:t> 2. </a:t>
            </a:r>
            <a:r>
              <a:rPr lang="en-US" dirty="0" err="1"/>
              <a:t>vejdirektoratet</a:t>
            </a:r>
            <a:endParaRPr lang="en-US" dirty="0"/>
          </a:p>
        </p:txBody>
      </p:sp>
      <p:sp>
        <p:nvSpPr>
          <p:cNvPr id="3" name="Titel 2">
            <a:extLst>
              <a:ext uri="{FF2B5EF4-FFF2-40B4-BE49-F238E27FC236}">
                <a16:creationId xmlns:a16="http://schemas.microsoft.com/office/drawing/2014/main" id="{AB86C76A-B623-5006-7CA9-C47EE5FEEB9B}"/>
              </a:ext>
            </a:extLst>
          </p:cNvPr>
          <p:cNvSpPr>
            <a:spLocks noGrp="1"/>
          </p:cNvSpPr>
          <p:nvPr>
            <p:ph type="title"/>
          </p:nvPr>
        </p:nvSpPr>
        <p:spPr>
          <a:xfrm>
            <a:off x="337088" y="816178"/>
            <a:ext cx="9877880" cy="968391"/>
          </a:xfrm>
        </p:spPr>
        <p:txBody>
          <a:bodyPr wrap="square" anchor="ctr">
            <a:normAutofit/>
          </a:bodyPr>
          <a:lstStyle/>
          <a:p>
            <a:r>
              <a:rPr lang="da-DK" dirty="0"/>
              <a:t>Vejdirektoratet </a:t>
            </a:r>
          </a:p>
        </p:txBody>
      </p:sp>
      <p:pic>
        <p:nvPicPr>
          <p:cNvPr id="7" name="Pladsholder til billede 6">
            <a:extLst>
              <a:ext uri="{FF2B5EF4-FFF2-40B4-BE49-F238E27FC236}">
                <a16:creationId xmlns:a16="http://schemas.microsoft.com/office/drawing/2014/main" id="{E8DEAF59-C2B1-C3E5-4C5B-03E4207B94EC}"/>
              </a:ext>
            </a:extLst>
          </p:cNvPr>
          <p:cNvPicPr>
            <a:picLocks noGrp="1" noChangeAspect="1"/>
          </p:cNvPicPr>
          <p:nvPr>
            <p:ph sz="quarter" idx="21"/>
          </p:nvPr>
        </p:nvPicPr>
        <p:blipFill>
          <a:blip r:embed="rId2">
            <a:extLst>
              <a:ext uri="{28A0092B-C50C-407E-A947-70E740481C1C}">
                <a14:useLocalDpi xmlns:a14="http://schemas.microsoft.com/office/drawing/2010/main" val="0"/>
              </a:ext>
            </a:extLst>
          </a:blip>
          <a:srcRect t="15531" b="15531"/>
          <a:stretch/>
        </p:blipFill>
        <p:spPr>
          <a:xfrm>
            <a:off x="337867" y="1980039"/>
            <a:ext cx="9877101" cy="4535060"/>
          </a:xfrm>
          <a:noFill/>
        </p:spPr>
      </p:pic>
      <p:sp>
        <p:nvSpPr>
          <p:cNvPr id="5" name="Pladsholder til slidenummer 4">
            <a:extLst>
              <a:ext uri="{FF2B5EF4-FFF2-40B4-BE49-F238E27FC236}">
                <a16:creationId xmlns:a16="http://schemas.microsoft.com/office/drawing/2014/main" id="{DD10796A-6BB8-F0FE-0461-6953F4643BDF}"/>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5</a:t>
            </a:fld>
            <a:endParaRPr lang="da-DK"/>
          </a:p>
        </p:txBody>
      </p:sp>
    </p:spTree>
    <p:extLst>
      <p:ext uri="{BB962C8B-B14F-4D97-AF65-F5344CB8AC3E}">
        <p14:creationId xmlns:p14="http://schemas.microsoft.com/office/powerpoint/2010/main" val="1771857059"/>
      </p:ext>
    </p:extLst>
  </p:cSld>
  <p:clrMapOvr>
    <a:masterClrMapping/>
  </p:clrMapOvr>
  <mc:AlternateContent xmlns:mc="http://schemas.openxmlformats.org/markup-compatibility/2006" xmlns:p14="http://schemas.microsoft.com/office/powerpoint/2010/main">
    <mc:Choice Requires="p14">
      <p:transition spd="slow" p14:dur="2000" advTm="1391"/>
    </mc:Choice>
    <mc:Fallback xmlns="">
      <p:transition spd="slow" advTm="1391"/>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ladsholder til indhold 7" descr="Et billede, der indeholder udendørs, sø, vand, skib&#10;&#10;Automatisk genereret beskrivelse">
            <a:extLst>
              <a:ext uri="{FF2B5EF4-FFF2-40B4-BE49-F238E27FC236}">
                <a16:creationId xmlns:a16="http://schemas.microsoft.com/office/drawing/2014/main" id="{F7FBD554-7023-78A2-5506-BBF124069DB8}"/>
              </a:ext>
            </a:extLst>
          </p:cNvPr>
          <p:cNvPicPr>
            <a:picLocks noGrp="1" noChangeAspect="1"/>
          </p:cNvPicPr>
          <p:nvPr>
            <p:ph sz="quarter" idx="25"/>
          </p:nvPr>
        </p:nvPicPr>
        <p:blipFill>
          <a:blip r:embed="rId3">
            <a:extLst>
              <a:ext uri="{28A0092B-C50C-407E-A947-70E740481C1C}">
                <a14:useLocalDpi xmlns:a14="http://schemas.microsoft.com/office/drawing/2010/main" val="0"/>
              </a:ext>
            </a:extLst>
          </a:blip>
          <a:stretch/>
        </p:blipFill>
        <p:spPr>
          <a:xfrm>
            <a:off x="6947858" y="0"/>
            <a:ext cx="4560569" cy="6858000"/>
          </a:xfrm>
          <a:noFill/>
        </p:spPr>
      </p:pic>
      <p:sp>
        <p:nvSpPr>
          <p:cNvPr id="38" name="Subtitle 2">
            <a:extLst>
              <a:ext uri="{FF2B5EF4-FFF2-40B4-BE49-F238E27FC236}">
                <a16:creationId xmlns:a16="http://schemas.microsoft.com/office/drawing/2014/main" id="{A1129371-A905-3ED7-E15D-76E23146BF15}"/>
              </a:ext>
            </a:extLst>
          </p:cNvPr>
          <p:cNvSpPr>
            <a:spLocks noGrp="1"/>
          </p:cNvSpPr>
          <p:nvPr>
            <p:ph type="subTitle" idx="1"/>
          </p:nvPr>
        </p:nvSpPr>
        <p:spPr>
          <a:xfrm>
            <a:off x="357982" y="342900"/>
            <a:ext cx="4581059" cy="171734"/>
          </a:xfrm>
        </p:spPr>
        <p:txBody>
          <a:bodyPr/>
          <a:lstStyle/>
          <a:p>
            <a:r>
              <a:rPr lang="en-US" dirty="0" err="1"/>
              <a:t>Punkt</a:t>
            </a:r>
            <a:r>
              <a:rPr lang="en-US" dirty="0"/>
              <a:t> 2. </a:t>
            </a:r>
            <a:r>
              <a:rPr lang="en-US" dirty="0" err="1"/>
              <a:t>vejdirektoratet</a:t>
            </a:r>
            <a:endParaRPr lang="en-US" dirty="0"/>
          </a:p>
        </p:txBody>
      </p:sp>
      <p:sp>
        <p:nvSpPr>
          <p:cNvPr id="39" name="Title 3">
            <a:extLst>
              <a:ext uri="{FF2B5EF4-FFF2-40B4-BE49-F238E27FC236}">
                <a16:creationId xmlns:a16="http://schemas.microsoft.com/office/drawing/2014/main" id="{0E9ED23C-BAD5-4991-640D-8441DA5B13B0}"/>
              </a:ext>
            </a:extLst>
          </p:cNvPr>
          <p:cNvSpPr>
            <a:spLocks noGrp="1"/>
          </p:cNvSpPr>
          <p:nvPr>
            <p:ph type="title"/>
          </p:nvPr>
        </p:nvSpPr>
        <p:spPr>
          <a:xfrm>
            <a:off x="337093" y="816178"/>
            <a:ext cx="5611813" cy="968391"/>
          </a:xfrm>
        </p:spPr>
        <p:txBody>
          <a:bodyPr/>
          <a:lstStyle/>
          <a:p>
            <a:r>
              <a:rPr lang="en-US" dirty="0" err="1"/>
              <a:t>Vejdirektoratet</a:t>
            </a:r>
            <a:endParaRPr lang="en-US" dirty="0"/>
          </a:p>
        </p:txBody>
      </p:sp>
      <p:sp>
        <p:nvSpPr>
          <p:cNvPr id="37" name="Content Placeholder 4">
            <a:extLst>
              <a:ext uri="{FF2B5EF4-FFF2-40B4-BE49-F238E27FC236}">
                <a16:creationId xmlns:a16="http://schemas.microsoft.com/office/drawing/2014/main" id="{90CACD9A-70B4-5639-C328-4224970EAD52}"/>
              </a:ext>
            </a:extLst>
          </p:cNvPr>
          <p:cNvSpPr>
            <a:spLocks noGrp="1"/>
          </p:cNvSpPr>
          <p:nvPr>
            <p:ph sz="quarter" idx="21"/>
          </p:nvPr>
        </p:nvSpPr>
        <p:spPr>
          <a:xfrm>
            <a:off x="337868" y="1980039"/>
            <a:ext cx="5586682" cy="4535060"/>
          </a:xfrm>
        </p:spPr>
        <p:txBody>
          <a:bodyPr/>
          <a:lstStyle/>
          <a:p>
            <a:r>
              <a:rPr lang="da-DK" sz="2000" dirty="0"/>
              <a:t>Primær myndighedsansvar for vedligeholdelse af den statslige infrastruktur, herunder motorveje, broer og tunneler.</a:t>
            </a:r>
          </a:p>
          <a:p>
            <a:pPr lvl="1">
              <a:buFont typeface="Wingdings" panose="05000000000000000000" pitchFamily="2" charset="2"/>
              <a:buChar char="§"/>
            </a:pPr>
            <a:r>
              <a:rPr lang="da-DK" sz="1800" dirty="0"/>
              <a:t>Udvikling af infrastrukturplanen 2035 med fokus på levere varen, fremkommelighed og bæredygtighed fx (biodiversiteten og minimering af CO2 aftrykket)</a:t>
            </a:r>
          </a:p>
          <a:p>
            <a:pPr lvl="1">
              <a:buFont typeface="Wingdings" panose="05000000000000000000" pitchFamily="2" charset="2"/>
              <a:buChar char="§"/>
            </a:pPr>
            <a:r>
              <a:rPr lang="da-DK" sz="1800" dirty="0"/>
              <a:t>Udrulning af el-</a:t>
            </a:r>
            <a:r>
              <a:rPr lang="da-DK" sz="1800" dirty="0" err="1"/>
              <a:t>ladeparker</a:t>
            </a:r>
            <a:r>
              <a:rPr lang="da-DK" sz="1800" dirty="0"/>
              <a:t> langs statsvejnettet</a:t>
            </a:r>
          </a:p>
          <a:p>
            <a:pPr marL="361588" lvl="1" indent="0">
              <a:buNone/>
            </a:pPr>
            <a:endParaRPr lang="da-DK" dirty="0"/>
          </a:p>
          <a:p>
            <a:pPr marL="304493" lvl="1" indent="0">
              <a:buNone/>
            </a:pPr>
            <a:endParaRPr lang="da-DK" dirty="0"/>
          </a:p>
          <a:p>
            <a:endParaRPr lang="en-US" dirty="0"/>
          </a:p>
        </p:txBody>
      </p:sp>
      <p:sp>
        <p:nvSpPr>
          <p:cNvPr id="6" name="Pladsholder til slidenummer 5">
            <a:extLst>
              <a:ext uri="{FF2B5EF4-FFF2-40B4-BE49-F238E27FC236}">
                <a16:creationId xmlns:a16="http://schemas.microsoft.com/office/drawing/2014/main" id="{B20E583C-A251-D0A6-2500-84EBFCEA5117}"/>
              </a:ext>
            </a:extLst>
          </p:cNvPr>
          <p:cNvSpPr>
            <a:spLocks noGrp="1"/>
          </p:cNvSpPr>
          <p:nvPr>
            <p:ph type="sldNum" sz="quarter" idx="14"/>
          </p:nvPr>
        </p:nvSpPr>
        <p:spPr>
          <a:xfrm>
            <a:off x="5306779" y="342899"/>
            <a:ext cx="338464" cy="171734"/>
          </a:xfrm>
        </p:spPr>
        <p:txBody>
          <a:bodyPr anchor="ctr">
            <a:normAutofit/>
          </a:bodyPr>
          <a:lstStyle/>
          <a:p>
            <a:pPr>
              <a:spcAft>
                <a:spcPts val="600"/>
              </a:spcAft>
            </a:pPr>
            <a:fld id="{6ACBDE86-91AD-4605-99AD-6345013A9E73}" type="slidenum">
              <a:rPr lang="da-DK" smtClean="0"/>
              <a:pPr>
                <a:spcAft>
                  <a:spcPts val="600"/>
                </a:spcAft>
              </a:pPr>
              <a:t>6</a:t>
            </a:fld>
            <a:endParaRPr lang="da-DK"/>
          </a:p>
        </p:txBody>
      </p:sp>
    </p:spTree>
    <p:extLst>
      <p:ext uri="{BB962C8B-B14F-4D97-AF65-F5344CB8AC3E}">
        <p14:creationId xmlns:p14="http://schemas.microsoft.com/office/powerpoint/2010/main" val="2567087278"/>
      </p:ext>
    </p:extLst>
  </p:cSld>
  <p:clrMapOvr>
    <a:masterClrMapping/>
  </p:clrMapOvr>
  <mc:AlternateContent xmlns:mc="http://schemas.openxmlformats.org/markup-compatibility/2006" xmlns:p14="http://schemas.microsoft.com/office/powerpoint/2010/main">
    <mc:Choice Requires="p14">
      <p:transition spd="slow" p14:dur="2000" advTm="126342"/>
    </mc:Choice>
    <mc:Fallback xmlns="">
      <p:transition spd="slow" advTm="126342"/>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Subtitle 1">
            <a:extLst>
              <a:ext uri="{FF2B5EF4-FFF2-40B4-BE49-F238E27FC236}">
                <a16:creationId xmlns:a16="http://schemas.microsoft.com/office/drawing/2014/main" id="{9D217691-888F-AF1B-603A-9FC2B4FCFF3E}"/>
              </a:ext>
            </a:extLst>
          </p:cNvPr>
          <p:cNvSpPr>
            <a:spLocks noGrp="1"/>
          </p:cNvSpPr>
          <p:nvPr>
            <p:ph type="subTitle" idx="1"/>
          </p:nvPr>
        </p:nvSpPr>
        <p:spPr>
          <a:xfrm>
            <a:off x="357982" y="342900"/>
            <a:ext cx="9856991" cy="171734"/>
          </a:xfrm>
        </p:spPr>
        <p:txBody>
          <a:bodyPr/>
          <a:lstStyle/>
          <a:p>
            <a:r>
              <a:rPr lang="en-US" dirty="0" err="1"/>
              <a:t>Punkt</a:t>
            </a:r>
            <a:r>
              <a:rPr lang="en-US" dirty="0"/>
              <a:t> 2. </a:t>
            </a:r>
            <a:r>
              <a:rPr lang="en-US" dirty="0" err="1"/>
              <a:t>vejdirektoratet</a:t>
            </a:r>
            <a:endParaRPr lang="en-US" dirty="0"/>
          </a:p>
        </p:txBody>
      </p:sp>
      <p:sp>
        <p:nvSpPr>
          <p:cNvPr id="3" name="Titel 2">
            <a:extLst>
              <a:ext uri="{FF2B5EF4-FFF2-40B4-BE49-F238E27FC236}">
                <a16:creationId xmlns:a16="http://schemas.microsoft.com/office/drawing/2014/main" id="{0A846F02-CE46-ACF3-18AE-D5B0C9E9CAFC}"/>
              </a:ext>
            </a:extLst>
          </p:cNvPr>
          <p:cNvSpPr>
            <a:spLocks noGrp="1"/>
          </p:cNvSpPr>
          <p:nvPr>
            <p:ph type="title"/>
          </p:nvPr>
        </p:nvSpPr>
        <p:spPr>
          <a:xfrm>
            <a:off x="337092" y="816178"/>
            <a:ext cx="11525659" cy="968391"/>
          </a:xfrm>
        </p:spPr>
        <p:txBody>
          <a:bodyPr wrap="square" anchor="ctr">
            <a:normAutofit/>
          </a:bodyPr>
          <a:lstStyle/>
          <a:p>
            <a:r>
              <a:rPr lang="da-DK" dirty="0" err="1"/>
              <a:t>VDs</a:t>
            </a:r>
            <a:r>
              <a:rPr lang="da-DK" dirty="0"/>
              <a:t> indkøbsvolumen</a:t>
            </a:r>
          </a:p>
        </p:txBody>
      </p:sp>
      <p:sp>
        <p:nvSpPr>
          <p:cNvPr id="31" name="Pladsholder til indhold 3">
            <a:extLst>
              <a:ext uri="{FF2B5EF4-FFF2-40B4-BE49-F238E27FC236}">
                <a16:creationId xmlns:a16="http://schemas.microsoft.com/office/drawing/2014/main" id="{208FE7C8-E8C6-B55B-21B1-538C4773C5D7}"/>
              </a:ext>
            </a:extLst>
          </p:cNvPr>
          <p:cNvSpPr>
            <a:spLocks noGrp="1"/>
          </p:cNvSpPr>
          <p:nvPr>
            <p:ph sz="quarter" idx="21"/>
          </p:nvPr>
        </p:nvSpPr>
        <p:spPr>
          <a:xfrm>
            <a:off x="337871" y="1980039"/>
            <a:ext cx="5580000" cy="4535060"/>
          </a:xfrm>
        </p:spPr>
        <p:txBody>
          <a:bodyPr wrap="square" anchor="t">
            <a:normAutofit/>
          </a:bodyPr>
          <a:lstStyle/>
          <a:p>
            <a:pPr marL="0" indent="0">
              <a:buNone/>
            </a:pPr>
            <a:r>
              <a:rPr lang="da-DK" dirty="0"/>
              <a:t>Indkøb er altoverskyggende i vores forretning og fylder stort set alle forretningsområderne </a:t>
            </a:r>
          </a:p>
          <a:p>
            <a:endParaRPr lang="da-DK" dirty="0"/>
          </a:p>
          <a:p>
            <a:r>
              <a:rPr lang="da-DK" dirty="0"/>
              <a:t>Entreprise og anlæg: </a:t>
            </a:r>
            <a:r>
              <a:rPr lang="da-DK" b="1" dirty="0"/>
              <a:t>6,5 mia. kr. </a:t>
            </a:r>
            <a:r>
              <a:rPr lang="da-DK" dirty="0"/>
              <a:t>forventet</a:t>
            </a:r>
            <a:r>
              <a:rPr lang="da-DK" b="1" dirty="0"/>
              <a:t> </a:t>
            </a:r>
            <a:r>
              <a:rPr lang="da-DK" dirty="0"/>
              <a:t>stigning på 21% i 2024.</a:t>
            </a:r>
          </a:p>
          <a:p>
            <a:r>
              <a:rPr lang="da-DK" dirty="0"/>
              <a:t>Rådgiver: </a:t>
            </a:r>
            <a:r>
              <a:rPr lang="da-DK" b="1" dirty="0"/>
              <a:t>763,5 mio. kr. </a:t>
            </a:r>
            <a:r>
              <a:rPr lang="da-DK" dirty="0"/>
              <a:t>på rådgivere en stigning på lige over 18% fra forrige år.</a:t>
            </a:r>
          </a:p>
          <a:p>
            <a:r>
              <a:rPr lang="da-DK" dirty="0"/>
              <a:t>IT-digitaliseringsprojekter: </a:t>
            </a:r>
            <a:r>
              <a:rPr lang="da-DK" b="1" dirty="0"/>
              <a:t>90,2 mio. kr. </a:t>
            </a:r>
            <a:r>
              <a:rPr lang="da-DK" dirty="0"/>
              <a:t>på udvikling, drift og rådgivning </a:t>
            </a:r>
          </a:p>
          <a:p>
            <a:endParaRPr lang="da-DK" dirty="0"/>
          </a:p>
          <a:p>
            <a:endParaRPr lang="da-DK" dirty="0"/>
          </a:p>
          <a:p>
            <a:endParaRPr lang="da-DK" dirty="0"/>
          </a:p>
        </p:txBody>
      </p:sp>
      <p:pic>
        <p:nvPicPr>
          <p:cNvPr id="9" name="Pladsholder til indhold 8" descr="Et billede, der indeholder sky, bygning, dagslys, arkitektur&#10;&#10;Automatisk genereret beskrivelse">
            <a:extLst>
              <a:ext uri="{FF2B5EF4-FFF2-40B4-BE49-F238E27FC236}">
                <a16:creationId xmlns:a16="http://schemas.microsoft.com/office/drawing/2014/main" id="{9F330644-E87D-19DA-E69F-43A4EC910FBC}"/>
              </a:ext>
            </a:extLst>
          </p:cNvPr>
          <p:cNvPicPr>
            <a:picLocks noGrp="1" noChangeAspect="1"/>
          </p:cNvPicPr>
          <p:nvPr>
            <p:ph sz="quarter" idx="22"/>
          </p:nvPr>
        </p:nvPicPr>
        <p:blipFill>
          <a:blip r:embed="rId3">
            <a:extLst>
              <a:ext uri="{28A0092B-C50C-407E-A947-70E740481C1C}">
                <a14:useLocalDpi xmlns:a14="http://schemas.microsoft.com/office/drawing/2010/main" val="0"/>
              </a:ext>
            </a:extLst>
          </a:blip>
          <a:srcRect l="6223" r="11646" b="-1"/>
          <a:stretch/>
        </p:blipFill>
        <p:spPr>
          <a:xfrm>
            <a:off x="6269566" y="1970247"/>
            <a:ext cx="5580000" cy="4535060"/>
          </a:xfrm>
          <a:noFill/>
        </p:spPr>
      </p:pic>
      <p:sp>
        <p:nvSpPr>
          <p:cNvPr id="6" name="Pladsholder til slidenummer 5">
            <a:extLst>
              <a:ext uri="{FF2B5EF4-FFF2-40B4-BE49-F238E27FC236}">
                <a16:creationId xmlns:a16="http://schemas.microsoft.com/office/drawing/2014/main" id="{C5BAA406-62F1-BF91-35A1-51980570C949}"/>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7</a:t>
            </a:fld>
            <a:endParaRPr lang="da-DK"/>
          </a:p>
        </p:txBody>
      </p:sp>
    </p:spTree>
    <p:extLst>
      <p:ext uri="{BB962C8B-B14F-4D97-AF65-F5344CB8AC3E}">
        <p14:creationId xmlns:p14="http://schemas.microsoft.com/office/powerpoint/2010/main" val="4105132941"/>
      </p:ext>
    </p:extLst>
  </p:cSld>
  <p:clrMapOvr>
    <a:masterClrMapping/>
  </p:clrMapOvr>
  <mc:AlternateContent xmlns:mc="http://schemas.openxmlformats.org/markup-compatibility/2006" xmlns:p14="http://schemas.microsoft.com/office/powerpoint/2010/main">
    <mc:Choice Requires="p14">
      <p:transition spd="slow" p14:dur="2000" advTm="99277"/>
    </mc:Choice>
    <mc:Fallback xmlns="">
      <p:transition spd="slow" advTm="99277"/>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Subtitle 1">
            <a:extLst>
              <a:ext uri="{FF2B5EF4-FFF2-40B4-BE49-F238E27FC236}">
                <a16:creationId xmlns:a16="http://schemas.microsoft.com/office/drawing/2014/main" id="{2186E0BB-DD5E-3D60-EDB7-2AD3F1690464}"/>
              </a:ext>
            </a:extLst>
          </p:cNvPr>
          <p:cNvSpPr>
            <a:spLocks noGrp="1"/>
          </p:cNvSpPr>
          <p:nvPr>
            <p:ph type="subTitle" idx="1"/>
          </p:nvPr>
        </p:nvSpPr>
        <p:spPr>
          <a:xfrm>
            <a:off x="357982" y="342900"/>
            <a:ext cx="9856991" cy="171734"/>
          </a:xfrm>
        </p:spPr>
        <p:txBody>
          <a:bodyPr wrap="square" anchor="ctr">
            <a:normAutofit/>
          </a:bodyPr>
          <a:lstStyle/>
          <a:p>
            <a:pPr>
              <a:spcAft>
                <a:spcPts val="600"/>
              </a:spcAft>
            </a:pPr>
            <a:r>
              <a:rPr lang="en-US" dirty="0" err="1"/>
              <a:t>Punkt</a:t>
            </a:r>
            <a:r>
              <a:rPr lang="en-US" dirty="0"/>
              <a:t> 3. </a:t>
            </a:r>
            <a:r>
              <a:rPr lang="en-US" dirty="0" err="1"/>
              <a:t>Ordregivers</a:t>
            </a:r>
            <a:r>
              <a:rPr lang="en-US" dirty="0"/>
              <a:t> </a:t>
            </a:r>
            <a:r>
              <a:rPr lang="en-US" dirty="0" err="1"/>
              <a:t>forventninger</a:t>
            </a:r>
            <a:endParaRPr lang="en-US" dirty="0"/>
          </a:p>
        </p:txBody>
      </p:sp>
      <p:sp>
        <p:nvSpPr>
          <p:cNvPr id="22" name="Title 2">
            <a:extLst>
              <a:ext uri="{FF2B5EF4-FFF2-40B4-BE49-F238E27FC236}">
                <a16:creationId xmlns:a16="http://schemas.microsoft.com/office/drawing/2014/main" id="{4E440AAA-0BDC-C479-C005-D8ADDAC6E224}"/>
              </a:ext>
            </a:extLst>
          </p:cNvPr>
          <p:cNvSpPr>
            <a:spLocks noGrp="1"/>
          </p:cNvSpPr>
          <p:nvPr>
            <p:ph type="title"/>
          </p:nvPr>
        </p:nvSpPr>
        <p:spPr>
          <a:xfrm>
            <a:off x="337088" y="816178"/>
            <a:ext cx="9877880" cy="968391"/>
          </a:xfrm>
        </p:spPr>
        <p:txBody>
          <a:bodyPr wrap="square" anchor="ctr">
            <a:normAutofit/>
          </a:bodyPr>
          <a:lstStyle/>
          <a:p>
            <a:r>
              <a:rPr lang="da-DK" dirty="0"/>
              <a:t>Ordregivers pligt og ansvar</a:t>
            </a:r>
            <a:endParaRPr lang="en-US" dirty="0"/>
          </a:p>
        </p:txBody>
      </p:sp>
      <p:pic>
        <p:nvPicPr>
          <p:cNvPr id="2" name="Picture Placeholder 3" descr="Et billede, der indeholder udendørs, sky, vand, sø&#10;&#10;Automatisk genereret beskrivelse">
            <a:extLst>
              <a:ext uri="{FF2B5EF4-FFF2-40B4-BE49-F238E27FC236}">
                <a16:creationId xmlns:a16="http://schemas.microsoft.com/office/drawing/2014/main" id="{4F1DDCB7-9A75-AC57-969A-3782589EF415}"/>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t="15607" r="1" b="15608"/>
          <a:stretch/>
        </p:blipFill>
        <p:spPr>
          <a:xfrm>
            <a:off x="337867" y="1980039"/>
            <a:ext cx="9877101" cy="4535060"/>
          </a:xfrm>
          <a:prstGeom prst="rect">
            <a:avLst/>
          </a:prstGeom>
          <a:noFill/>
        </p:spPr>
      </p:pic>
      <p:sp>
        <p:nvSpPr>
          <p:cNvPr id="6" name="Pladsholder til slidenummer 5">
            <a:extLst>
              <a:ext uri="{FF2B5EF4-FFF2-40B4-BE49-F238E27FC236}">
                <a16:creationId xmlns:a16="http://schemas.microsoft.com/office/drawing/2014/main" id="{5793EB0B-45FF-E008-E3F9-4F8F7A79CF74}"/>
              </a:ext>
            </a:extLst>
          </p:cNvPr>
          <p:cNvSpPr>
            <a:spLocks noGrp="1"/>
          </p:cNvSpPr>
          <p:nvPr>
            <p:ph type="sldNum" sz="quarter" idx="14"/>
          </p:nvPr>
        </p:nvSpPr>
        <p:spPr>
          <a:xfrm>
            <a:off x="11208568" y="342899"/>
            <a:ext cx="338464" cy="171734"/>
          </a:xfrm>
        </p:spPr>
        <p:txBody>
          <a:bodyPr anchor="ctr">
            <a:normAutofit/>
          </a:bodyPr>
          <a:lstStyle/>
          <a:p>
            <a:pPr>
              <a:spcAft>
                <a:spcPts val="600"/>
              </a:spcAft>
            </a:pPr>
            <a:fld id="{6ACBDE86-91AD-4605-99AD-6345013A9E73}" type="slidenum">
              <a:rPr lang="da-DK" smtClean="0"/>
              <a:pPr>
                <a:spcAft>
                  <a:spcPts val="600"/>
                </a:spcAft>
              </a:pPr>
              <a:t>8</a:t>
            </a:fld>
            <a:endParaRPr lang="da-DK"/>
          </a:p>
        </p:txBody>
      </p:sp>
    </p:spTree>
    <p:extLst>
      <p:ext uri="{BB962C8B-B14F-4D97-AF65-F5344CB8AC3E}">
        <p14:creationId xmlns:p14="http://schemas.microsoft.com/office/powerpoint/2010/main" val="3996027652"/>
      </p:ext>
    </p:extLst>
  </p:cSld>
  <p:clrMapOvr>
    <a:masterClrMapping/>
  </p:clrMapOvr>
  <mc:AlternateContent xmlns:mc="http://schemas.openxmlformats.org/markup-compatibility/2006" xmlns:p14="http://schemas.microsoft.com/office/powerpoint/2010/main">
    <mc:Choice Requires="p14">
      <p:transition spd="slow" p14:dur="2000" advTm="3469"/>
    </mc:Choice>
    <mc:Fallback xmlns="">
      <p:transition spd="slow" advTm="3469"/>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E2094A1D-E82B-0548-2169-3CB54C5FF1AB}"/>
              </a:ext>
            </a:extLst>
          </p:cNvPr>
          <p:cNvSpPr>
            <a:spLocks noGrp="1"/>
          </p:cNvSpPr>
          <p:nvPr>
            <p:ph type="subTitle" idx="1"/>
          </p:nvPr>
        </p:nvSpPr>
        <p:spPr/>
        <p:txBody>
          <a:bodyPr/>
          <a:lstStyle/>
          <a:p>
            <a:r>
              <a:rPr lang="da-DK" dirty="0"/>
              <a:t>Punkt 3. VD som Ordregivende myndighed</a:t>
            </a:r>
          </a:p>
        </p:txBody>
      </p:sp>
      <p:sp>
        <p:nvSpPr>
          <p:cNvPr id="3" name="Titel 2">
            <a:extLst>
              <a:ext uri="{FF2B5EF4-FFF2-40B4-BE49-F238E27FC236}">
                <a16:creationId xmlns:a16="http://schemas.microsoft.com/office/drawing/2014/main" id="{12E7A064-80E7-5FD7-8F1E-697B89DF99D8}"/>
              </a:ext>
            </a:extLst>
          </p:cNvPr>
          <p:cNvSpPr>
            <a:spLocks noGrp="1"/>
          </p:cNvSpPr>
          <p:nvPr>
            <p:ph type="title"/>
          </p:nvPr>
        </p:nvSpPr>
        <p:spPr/>
        <p:txBody>
          <a:bodyPr/>
          <a:lstStyle/>
          <a:p>
            <a:r>
              <a:rPr lang="da-DK" dirty="0"/>
              <a:t>Generelt lovmæssighed </a:t>
            </a:r>
          </a:p>
        </p:txBody>
      </p:sp>
      <p:sp>
        <p:nvSpPr>
          <p:cNvPr id="4" name="Pladsholder til indhold 3">
            <a:extLst>
              <a:ext uri="{FF2B5EF4-FFF2-40B4-BE49-F238E27FC236}">
                <a16:creationId xmlns:a16="http://schemas.microsoft.com/office/drawing/2014/main" id="{D5659D4E-A26B-17E9-36E6-71199F5A36F3}"/>
              </a:ext>
            </a:extLst>
          </p:cNvPr>
          <p:cNvSpPr>
            <a:spLocks noGrp="1"/>
          </p:cNvSpPr>
          <p:nvPr>
            <p:ph sz="quarter" idx="21"/>
          </p:nvPr>
        </p:nvSpPr>
        <p:spPr>
          <a:xfrm>
            <a:off x="337868" y="1980039"/>
            <a:ext cx="5496876" cy="4535060"/>
          </a:xfrm>
        </p:spPr>
        <p:txBody>
          <a:bodyPr/>
          <a:lstStyle/>
          <a:p>
            <a:r>
              <a:rPr lang="da-DK" dirty="0"/>
              <a:t>EU forordninger og direktiver </a:t>
            </a:r>
          </a:p>
          <a:p>
            <a:r>
              <a:rPr lang="da-DK" dirty="0"/>
              <a:t>Udbuds-, konkurrence-, statsstøtteretlige lovkrav, m.m.</a:t>
            </a:r>
          </a:p>
          <a:p>
            <a:r>
              <a:rPr lang="da-DK" dirty="0"/>
              <a:t>Forvaltningsretlige principper</a:t>
            </a:r>
          </a:p>
          <a:p>
            <a:r>
              <a:rPr lang="da-DK" dirty="0"/>
              <a:t>God embedsmandskik – en højere moralsk standard</a:t>
            </a:r>
          </a:p>
          <a:p>
            <a:r>
              <a:rPr lang="da-DK" dirty="0"/>
              <a:t>Rigsrevision – tilsynsmyndighed </a:t>
            </a:r>
          </a:p>
          <a:p>
            <a:r>
              <a:rPr lang="da-DK" dirty="0"/>
              <a:t>Politisk organisation – politisk dagsorden påvirker konkrete projekter – hvor er penge bedst brugt, mere valuta for penge.</a:t>
            </a:r>
          </a:p>
          <a:p>
            <a:endParaRPr lang="da-DK" dirty="0"/>
          </a:p>
          <a:p>
            <a:endParaRPr lang="da-DK" dirty="0"/>
          </a:p>
          <a:p>
            <a:endParaRPr lang="da-DK" dirty="0"/>
          </a:p>
          <a:p>
            <a:endParaRPr lang="da-DK" dirty="0"/>
          </a:p>
          <a:p>
            <a:endParaRPr lang="da-DK" dirty="0"/>
          </a:p>
        </p:txBody>
      </p:sp>
      <p:sp>
        <p:nvSpPr>
          <p:cNvPr id="5" name="Pladsholder til slidenummer 4">
            <a:extLst>
              <a:ext uri="{FF2B5EF4-FFF2-40B4-BE49-F238E27FC236}">
                <a16:creationId xmlns:a16="http://schemas.microsoft.com/office/drawing/2014/main" id="{4843551B-F8C0-F86C-D243-8A5923A5E26B}"/>
              </a:ext>
            </a:extLst>
          </p:cNvPr>
          <p:cNvSpPr>
            <a:spLocks noGrp="1"/>
          </p:cNvSpPr>
          <p:nvPr>
            <p:ph type="sldNum" sz="quarter" idx="14"/>
          </p:nvPr>
        </p:nvSpPr>
        <p:spPr/>
        <p:txBody>
          <a:bodyPr/>
          <a:lstStyle/>
          <a:p>
            <a:fld id="{6ACBDE86-91AD-4605-99AD-6345013A9E73}" type="slidenum">
              <a:rPr lang="da-DK" smtClean="0"/>
              <a:pPr/>
              <a:t>9</a:t>
            </a:fld>
            <a:endParaRPr lang="da-DK"/>
          </a:p>
        </p:txBody>
      </p:sp>
      <p:sp>
        <p:nvSpPr>
          <p:cNvPr id="6" name="Pladsholder til indhold 3">
            <a:extLst>
              <a:ext uri="{FF2B5EF4-FFF2-40B4-BE49-F238E27FC236}">
                <a16:creationId xmlns:a16="http://schemas.microsoft.com/office/drawing/2014/main" id="{AB57A224-5D01-4030-D203-8560C82FDDCD}"/>
              </a:ext>
            </a:extLst>
          </p:cNvPr>
          <p:cNvSpPr txBox="1">
            <a:spLocks/>
          </p:cNvSpPr>
          <p:nvPr/>
        </p:nvSpPr>
        <p:spPr bwMode="auto">
          <a:xfrm>
            <a:off x="6527074" y="1980039"/>
            <a:ext cx="4809581" cy="38290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557" indent="-342557" algn="l" rtl="0" eaLnBrk="1" fontAlgn="base" hangingPunct="1">
              <a:lnSpc>
                <a:spcPct val="100000"/>
              </a:lnSpc>
              <a:spcBef>
                <a:spcPts val="598"/>
              </a:spcBef>
              <a:spcAft>
                <a:spcPts val="598"/>
              </a:spcAft>
              <a:buSzPct val="100000"/>
              <a:buFont typeface="Arial" panose="020B0604020202020204" pitchFamily="34" charset="0"/>
              <a:buChar char="•"/>
              <a:defRPr sz="1997" i="0">
                <a:solidFill>
                  <a:schemeClr val="tx1"/>
                </a:solidFill>
                <a:latin typeface="+mn-lt"/>
                <a:ea typeface="+mn-ea"/>
                <a:cs typeface="Arial" pitchFamily="34" charset="0"/>
              </a:defRPr>
            </a:lvl1pPr>
            <a:lvl2pPr marL="648701" indent="-285462" algn="l" rtl="0" eaLnBrk="1" fontAlgn="base" hangingPunct="1">
              <a:lnSpc>
                <a:spcPct val="100000"/>
              </a:lnSpc>
              <a:spcBef>
                <a:spcPts val="598"/>
              </a:spcBef>
              <a:spcAft>
                <a:spcPts val="598"/>
              </a:spcAft>
              <a:buSzPct val="100000"/>
              <a:buFont typeface="Arial" panose="020B0604020202020204" pitchFamily="34" charset="0"/>
              <a:buChar char="•"/>
              <a:defRPr sz="1797">
                <a:solidFill>
                  <a:schemeClr val="tx1"/>
                </a:solidFill>
                <a:latin typeface="+mn-lt"/>
                <a:cs typeface="Arial" pitchFamily="34" charset="0"/>
              </a:defRPr>
            </a:lvl2pPr>
            <a:lvl3pPr marL="914832" indent="-285462" algn="l" rtl="0" eaLnBrk="1" fontAlgn="base" hangingPunct="1">
              <a:lnSpc>
                <a:spcPct val="100000"/>
              </a:lnSpc>
              <a:spcBef>
                <a:spcPts val="598"/>
              </a:spcBef>
              <a:spcAft>
                <a:spcPts val="598"/>
              </a:spcAft>
              <a:buSzPct val="100000"/>
              <a:buFont typeface="Arial" panose="020B0604020202020204" pitchFamily="34" charset="0"/>
              <a:buChar char="•"/>
              <a:defRPr sz="1597" i="1">
                <a:solidFill>
                  <a:schemeClr val="tx1"/>
                </a:solidFill>
                <a:latin typeface="+mn-lt"/>
                <a:cs typeface="Arial" pitchFamily="34" charset="0"/>
              </a:defRPr>
            </a:lvl3pPr>
            <a:lvl4pPr marL="1184562" indent="-285462" algn="l" rtl="0" eaLnBrk="1" fontAlgn="base" hangingPunct="1">
              <a:lnSpc>
                <a:spcPct val="100000"/>
              </a:lnSpc>
              <a:spcBef>
                <a:spcPts val="598"/>
              </a:spcBef>
              <a:spcAft>
                <a:spcPts val="598"/>
              </a:spcAft>
              <a:buFont typeface="Arial" panose="020B0604020202020204" pitchFamily="34" charset="0"/>
              <a:buChar char="•"/>
              <a:defRPr sz="1597" i="1">
                <a:solidFill>
                  <a:schemeClr val="tx1"/>
                </a:solidFill>
                <a:latin typeface="+mn-lt"/>
                <a:cs typeface="Arial" charset="0"/>
              </a:defRPr>
            </a:lvl4pPr>
            <a:lvl5pPr marL="1450696" marR="0" indent="-285462" algn="l" defTabSz="913484" rtl="0" eaLnBrk="1" fontAlgn="base" latinLnBrk="0" hangingPunct="1">
              <a:lnSpc>
                <a:spcPct val="100000"/>
              </a:lnSpc>
              <a:spcBef>
                <a:spcPts val="598"/>
              </a:spcBef>
              <a:spcAft>
                <a:spcPts val="598"/>
              </a:spcAft>
              <a:buClrTx/>
              <a:buSzTx/>
              <a:buFont typeface="Arial" panose="020B0604020202020204" pitchFamily="34" charset="0"/>
              <a:buChar char="•"/>
              <a:tabLst/>
              <a:defRPr sz="1597" i="1">
                <a:solidFill>
                  <a:schemeClr val="tx1"/>
                </a:solidFill>
                <a:latin typeface="+mn-lt"/>
                <a:cs typeface="Arial" charset="0"/>
              </a:defRPr>
            </a:lvl5pPr>
            <a:lvl6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6pPr>
            <a:lvl7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7pPr>
            <a:lvl8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8pPr>
            <a:lvl9pPr marL="2155624" indent="-251488" algn="l" rtl="0" eaLnBrk="1" fontAlgn="base" hangingPunct="1">
              <a:spcBef>
                <a:spcPts val="598"/>
              </a:spcBef>
              <a:spcAft>
                <a:spcPts val="598"/>
              </a:spcAft>
              <a:buFont typeface="Arial" panose="020B0604020202020204" pitchFamily="34" charset="0"/>
              <a:buChar char="•"/>
              <a:defRPr sz="1597" i="1">
                <a:solidFill>
                  <a:schemeClr val="tx1"/>
                </a:solidFill>
                <a:latin typeface="+mn-lt"/>
              </a:defRPr>
            </a:lvl9pPr>
          </a:lstStyle>
          <a:p>
            <a:pPr marL="0" indent="0">
              <a:buNone/>
            </a:pPr>
            <a:r>
              <a:rPr lang="da-DK" sz="2400" u="sng" kern="0" dirty="0"/>
              <a:t>De tre tilsigtede mål:</a:t>
            </a:r>
            <a:r>
              <a:rPr lang="da-DK" sz="2400" kern="0" dirty="0"/>
              <a:t> </a:t>
            </a:r>
          </a:p>
          <a:p>
            <a:r>
              <a:rPr lang="da-DK" sz="2400" kern="0" dirty="0"/>
              <a:t>Undgå </a:t>
            </a:r>
            <a:r>
              <a:rPr lang="da-DK" sz="2400" b="1" kern="0" dirty="0">
                <a:solidFill>
                  <a:srgbClr val="FF0000"/>
                </a:solidFill>
              </a:rPr>
              <a:t>k</a:t>
            </a:r>
            <a:r>
              <a:rPr lang="da-DK" sz="2400" kern="0" dirty="0"/>
              <a:t>orruption</a:t>
            </a:r>
          </a:p>
          <a:p>
            <a:r>
              <a:rPr lang="da-DK" sz="2400" kern="0" dirty="0"/>
              <a:t>Undgå </a:t>
            </a:r>
            <a:r>
              <a:rPr lang="da-DK" sz="2400" b="1" kern="0" dirty="0">
                <a:solidFill>
                  <a:srgbClr val="FF0000"/>
                </a:solidFill>
              </a:rPr>
              <a:t>k</a:t>
            </a:r>
            <a:r>
              <a:rPr lang="da-DK" sz="2400" kern="0" dirty="0"/>
              <a:t>riminalitet </a:t>
            </a:r>
          </a:p>
          <a:p>
            <a:r>
              <a:rPr lang="da-DK" sz="2400" kern="0" dirty="0"/>
              <a:t>Skabe </a:t>
            </a:r>
            <a:r>
              <a:rPr lang="da-DK" sz="2400" b="1" kern="0" dirty="0">
                <a:solidFill>
                  <a:srgbClr val="FF0000"/>
                </a:solidFill>
              </a:rPr>
              <a:t>k</a:t>
            </a:r>
            <a:r>
              <a:rPr lang="da-DK" sz="2400" kern="0" dirty="0"/>
              <a:t>onkurrence </a:t>
            </a:r>
          </a:p>
          <a:p>
            <a:endParaRPr lang="da-DK" kern="0" dirty="0"/>
          </a:p>
          <a:p>
            <a:endParaRPr lang="da-DK" kern="0" dirty="0"/>
          </a:p>
          <a:p>
            <a:endParaRPr lang="da-DK" kern="0" dirty="0"/>
          </a:p>
          <a:p>
            <a:endParaRPr lang="da-DK" kern="0" dirty="0"/>
          </a:p>
          <a:p>
            <a:endParaRPr lang="da-DK" kern="0" dirty="0"/>
          </a:p>
        </p:txBody>
      </p:sp>
      <p:pic>
        <p:nvPicPr>
          <p:cNvPr id="8" name="Billede 7" descr="Et billede, der indeholder bygning, monument, udendørs, Stenudskæring&#10;&#10;Automatisk genereret beskrivelse">
            <a:extLst>
              <a:ext uri="{FF2B5EF4-FFF2-40B4-BE49-F238E27FC236}">
                <a16:creationId xmlns:a16="http://schemas.microsoft.com/office/drawing/2014/main" id="{D3812EEE-B38F-D763-22E0-D351EC414FF3}"/>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5886831" y="1874740"/>
            <a:ext cx="6232888" cy="3499899"/>
          </a:xfrm>
          <a:prstGeom prst="rect">
            <a:avLst/>
          </a:prstGeom>
        </p:spPr>
      </p:pic>
      <p:sp>
        <p:nvSpPr>
          <p:cNvPr id="9" name="Tekstfelt 8">
            <a:extLst>
              <a:ext uri="{FF2B5EF4-FFF2-40B4-BE49-F238E27FC236}">
                <a16:creationId xmlns:a16="http://schemas.microsoft.com/office/drawing/2014/main" id="{D34070BB-C0BE-283A-EB07-870F7DF42ECC}"/>
              </a:ext>
            </a:extLst>
          </p:cNvPr>
          <p:cNvSpPr txBox="1"/>
          <p:nvPr/>
        </p:nvSpPr>
        <p:spPr>
          <a:xfrm>
            <a:off x="5904754" y="5395560"/>
            <a:ext cx="5449824" cy="138499"/>
          </a:xfrm>
          <a:prstGeom prst="rect">
            <a:avLst/>
          </a:prstGeom>
          <a:noFill/>
        </p:spPr>
        <p:txBody>
          <a:bodyPr wrap="square" lIns="0" tIns="0" rIns="0" bIns="0" rtlCol="0">
            <a:spAutoFit/>
          </a:bodyPr>
          <a:lstStyle/>
          <a:p>
            <a:r>
              <a:rPr lang="da-DK" sz="900" dirty="0">
                <a:hlinkClick r:id="rId4" tooltip="https://historia-biografia.com/justicia/"/>
              </a:rPr>
              <a:t>Dette billede</a:t>
            </a:r>
            <a:r>
              <a:rPr lang="da-DK" sz="900" dirty="0"/>
              <a:t> efter Ukendt forfatter er licenseret under </a:t>
            </a:r>
            <a:r>
              <a:rPr lang="da-DK" sz="900" dirty="0">
                <a:hlinkClick r:id="rId5" tooltip="https://creativecommons.org/licenses/by-nc-sa/3.0/"/>
              </a:rPr>
              <a:t>CC BY-SA-NC</a:t>
            </a:r>
            <a:endParaRPr lang="da-DK" sz="900" dirty="0"/>
          </a:p>
        </p:txBody>
      </p:sp>
    </p:spTree>
    <p:extLst>
      <p:ext uri="{BB962C8B-B14F-4D97-AF65-F5344CB8AC3E}">
        <p14:creationId xmlns:p14="http://schemas.microsoft.com/office/powerpoint/2010/main" val="3023305345"/>
      </p:ext>
    </p:extLst>
  </p:cSld>
  <p:clrMapOvr>
    <a:masterClrMapping/>
  </p:clrMapOvr>
  <mc:AlternateContent xmlns:mc="http://schemas.openxmlformats.org/markup-compatibility/2006" xmlns:p14="http://schemas.microsoft.com/office/powerpoint/2010/main">
    <mc:Choice Requires="p14">
      <p:transition spd="slow" p14:dur="2000" advTm="503837"/>
    </mc:Choice>
    <mc:Fallback xmlns="">
      <p:transition spd="slow" advTm="503837"/>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SSISTID" val="6f983466-3d18-4f11-9015-d26bb91cbe78"/>
</p:tagLst>
</file>

<file path=ppt/tags/tag2.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b306938\AppData\Local\Temp\Templafy\PowerPointVsto\Assets\7cb97669-7f1e-4054-8475-dc5597ada866.jpeg"/>
</p:tagLst>
</file>

<file path=ppt/theme/theme1.xml><?xml version="1.0" encoding="utf-8"?>
<a:theme xmlns:a="http://schemas.openxmlformats.org/drawingml/2006/main" name="Vejdirektoratet">
  <a:themeElements>
    <a:clrScheme name="Vejdirektoratet">
      <a:dk1>
        <a:srgbClr val="000000"/>
      </a:dk1>
      <a:lt1>
        <a:srgbClr val="FFFFFF"/>
      </a:lt1>
      <a:dk2>
        <a:srgbClr val="FCC349"/>
      </a:dk2>
      <a:lt2>
        <a:srgbClr val="9BD7F7"/>
      </a:lt2>
      <a:accent1>
        <a:srgbClr val="005EB8"/>
      </a:accent1>
      <a:accent2>
        <a:srgbClr val="0ABAEE"/>
      </a:accent2>
      <a:accent3>
        <a:srgbClr val="00005E"/>
      </a:accent3>
      <a:accent4>
        <a:srgbClr val="F2CECD"/>
      </a:accent4>
      <a:accent5>
        <a:srgbClr val="FFDD00"/>
      </a:accent5>
      <a:accent6>
        <a:srgbClr val="A1CDC4"/>
      </a:accent6>
      <a:hlink>
        <a:srgbClr val="005EB8"/>
      </a:hlink>
      <a:folHlink>
        <a:srgbClr val="005EB8"/>
      </a:folHlink>
    </a:clrScheme>
    <a:fontScheme name="Vejdirektoratet">
      <a:majorFont>
        <a:latin typeface="Arial"/>
        <a:ea typeface=""/>
        <a:cs typeface=""/>
      </a:majorFont>
      <a:minorFont>
        <a:latin typeface="Arial"/>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noFill/>
        <a:ln w="25400" cap="sq" cmpd="sng" algn="ctr">
          <a:solidFill>
            <a:schemeClr val="tx1"/>
          </a:solidFill>
          <a:prstDash val="solid"/>
          <a:miter lim="800000"/>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b="1" dirty="0" smtClean="0">
            <a:ln w="28575">
              <a:noFill/>
            </a:ln>
            <a:latin typeface="Arial" pitchFamily="34" charset="0"/>
            <a:cs typeface="Arial" pitchFamily="34" charset="0"/>
          </a:defRPr>
        </a:defPPr>
      </a:lstStyle>
    </a:spDef>
    <a:lnDef>
      <a:spPr bwMode="auto">
        <a:solidFill>
          <a:schemeClr val="bg1"/>
        </a:solidFill>
        <a:ln w="25400" cap="flat" cmpd="sng" algn="ctr">
          <a:solidFill>
            <a:schemeClr val="tx1"/>
          </a:solidFill>
          <a:prstDash val="solid"/>
          <a:round/>
          <a:headEnd type="none" w="med" len="med"/>
          <a:tailEnd type="none" w="lg" len="med"/>
        </a:ln>
        <a:effectLst/>
      </a:spPr>
      <a:bodyPr/>
      <a:lstStyle/>
    </a:lnDef>
    <a:txDef>
      <a:spPr>
        <a:noFill/>
      </a:spPr>
      <a:bodyPr wrap="square" lIns="0" tIns="0" rIns="0" bIns="0" rtlCol="0">
        <a:spAutoFit/>
      </a:bodyPr>
      <a:lstStyle>
        <a:defPPr>
          <a:defRPr sz="1500" dirty="0" err="1" smtClean="0">
            <a:latin typeface="Arial" pitchFamily="34" charset="0"/>
            <a:cs typeface="Arial" pitchFamily="34" charset="0"/>
          </a:defRPr>
        </a:defPPr>
      </a:lstStyle>
    </a:txDef>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custClrLst>
    <a:custClr name="Grøn">
      <a:srgbClr val="00A267"/>
    </a:custClr>
    <a:custClr name="Lys Grøn">
      <a:srgbClr val="B3E3D2"/>
    </a:custClr>
    <a:custClr name="Rød">
      <a:srgbClr val="E40000"/>
    </a:custClr>
    <a:custClr name="Grå">
      <a:srgbClr val="868687"/>
    </a:custClr>
    <a:custClr name="Duegrå">
      <a:srgbClr val="E2E6EA"/>
    </a:custClr>
    <a:custClr name="Subtil Blå">
      <a:srgbClr val="F8F9FA"/>
    </a:custClr>
    <a:custClr name="Støvblå">
      <a:srgbClr val="B0D4E0"/>
    </a:custClr>
    <a:custClr name="Turkis">
      <a:srgbClr val="0099B8"/>
    </a:custClr>
    <a:custClr name="Lys Turkis">
      <a:srgbClr val="ACDBDF"/>
    </a:custClr>
    <a:custClr name="Subtil Cyan">
      <a:srgbClr val="E2F2F5"/>
    </a:custClr>
    <a:custClr name="Creme">
      <a:srgbClr val="F5EAD4"/>
    </a:custClr>
    <a:custClr name="Medium Blå">
      <a:srgbClr val="00469C"/>
    </a:custClr>
    <a:custClr name="Syren">
      <a:srgbClr val="B3B3CF"/>
    </a:custClr>
  </a:custClrLst>
  <a:extLst>
    <a:ext uri="{05A4C25C-085E-4340-85A3-A5531E510DB2}">
      <thm15:themeFamily xmlns:thm15="http://schemas.microsoft.com/office/thememl/2012/main" name="Blank.potm" id="{6727040D-9393-4516-A0A0-953B16A57DC3}" vid="{600F0FAE-0C4E-423C-A4DE-724D79C6EF21}"/>
    </a:ext>
  </a:extLst>
</a:theme>
</file>

<file path=ppt/theme/theme2.xml><?xml version="1.0" encoding="utf-8"?>
<a:theme xmlns:a="http://schemas.openxmlformats.org/drawingml/2006/main" name="Vejdirektoratet">
  <a:themeElements>
    <a:clrScheme name="Vejdirektoratet">
      <a:dk1>
        <a:srgbClr val="000000"/>
      </a:dk1>
      <a:lt1>
        <a:srgbClr val="FFFFFF"/>
      </a:lt1>
      <a:dk2>
        <a:srgbClr val="FCC349"/>
      </a:dk2>
      <a:lt2>
        <a:srgbClr val="9BD7F7"/>
      </a:lt2>
      <a:accent1>
        <a:srgbClr val="005EB8"/>
      </a:accent1>
      <a:accent2>
        <a:srgbClr val="0ABAEE"/>
      </a:accent2>
      <a:accent3>
        <a:srgbClr val="00005E"/>
      </a:accent3>
      <a:accent4>
        <a:srgbClr val="F2CECD"/>
      </a:accent4>
      <a:accent5>
        <a:srgbClr val="FFDD00"/>
      </a:accent5>
      <a:accent6>
        <a:srgbClr val="A1CDC4"/>
      </a:accent6>
      <a:hlink>
        <a:srgbClr val="005EB8"/>
      </a:hlink>
      <a:folHlink>
        <a:srgbClr val="005EB8"/>
      </a:folHlink>
    </a:clrScheme>
    <a:fontScheme name="Vejdirektoratet">
      <a:majorFont>
        <a:latin typeface="Arial"/>
        <a:ea typeface=""/>
        <a:cs typeface=""/>
      </a:majorFont>
      <a:minorFont>
        <a:latin typeface="Arial"/>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noFill/>
        <a:ln w="25400" cap="sq" cmpd="sng" algn="ctr">
          <a:solidFill>
            <a:schemeClr val="tx1"/>
          </a:solidFill>
          <a:prstDash val="solid"/>
          <a:miter lim="800000"/>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b="1" dirty="0" smtClean="0">
            <a:ln w="28575">
              <a:noFill/>
            </a:ln>
            <a:latin typeface="Arial" pitchFamily="34" charset="0"/>
            <a:cs typeface="Arial" pitchFamily="34" charset="0"/>
          </a:defRPr>
        </a:defPPr>
      </a:lstStyle>
    </a:spDef>
    <a:lnDef>
      <a:spPr bwMode="auto">
        <a:solidFill>
          <a:schemeClr val="bg1"/>
        </a:solidFill>
        <a:ln w="25400" cap="flat" cmpd="sng" algn="ctr">
          <a:solidFill>
            <a:schemeClr val="tx1"/>
          </a:solidFill>
          <a:prstDash val="solid"/>
          <a:round/>
          <a:headEnd type="none" w="med" len="med"/>
          <a:tailEnd type="none" w="lg" len="med"/>
        </a:ln>
        <a:effectLst/>
      </a:spPr>
      <a:bodyPr/>
      <a:lstStyle/>
    </a:lnDef>
    <a:txDef>
      <a:spPr>
        <a:noFill/>
      </a:spPr>
      <a:bodyPr wrap="square" lIns="0" tIns="0" rIns="0" bIns="0" rtlCol="0">
        <a:spAutoFit/>
      </a:bodyPr>
      <a:lstStyle>
        <a:defPPr>
          <a:defRPr sz="1500" dirty="0" err="1" smtClean="0">
            <a:latin typeface="Arial" pitchFamily="34" charset="0"/>
            <a:cs typeface="Arial" pitchFamily="34" charset="0"/>
          </a:defRPr>
        </a:defPPr>
      </a:lstStyle>
    </a:txDef>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custClrLst>
    <a:custClr name="Grøn">
      <a:srgbClr val="00A267"/>
    </a:custClr>
    <a:custClr name="Lys Grøn">
      <a:srgbClr val="B3E3D2"/>
    </a:custClr>
    <a:custClr name="Rød">
      <a:srgbClr val="E40000"/>
    </a:custClr>
    <a:custClr name="Grå">
      <a:srgbClr val="868687"/>
    </a:custClr>
    <a:custClr name="Duegrå">
      <a:srgbClr val="E2E6EA"/>
    </a:custClr>
    <a:custClr name="Subtil Blå">
      <a:srgbClr val="F8F9FA"/>
    </a:custClr>
    <a:custClr name="Støvblå">
      <a:srgbClr val="B0D4E0"/>
    </a:custClr>
    <a:custClr name="Turkis">
      <a:srgbClr val="0099B8"/>
    </a:custClr>
    <a:custClr name="Lys Turkis">
      <a:srgbClr val="ACDBDF"/>
    </a:custClr>
    <a:custClr name="Subtil Cyan">
      <a:srgbClr val="E2F2F5"/>
    </a:custClr>
    <a:custClr name="Creme">
      <a:srgbClr val="F5EAD4"/>
    </a:custClr>
    <a:custClr name="Medium Blå">
      <a:srgbClr val="00469C"/>
    </a:custClr>
    <a:custClr name="Syren">
      <a:srgbClr val="B3B3CF"/>
    </a:custClr>
  </a:custClrLst>
  <a:extLst>
    <a:ext uri="{05A4C25C-085E-4340-85A3-A5531E510DB2}">
      <thm15:themeFamily xmlns:thm15="http://schemas.microsoft.com/office/thememl/2012/main" name="Blank.potx" id="{A7ABCB72-ED46-4AEF-AAA2-CE18C65C51DF}" vid="{20DBDB29-40A2-42CB-AD1C-852389CC93DD}"/>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_activity xmlns="34fc8316-f924-4053-9330-ed9809bd7757"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8CC02ECA871BF049ACD7216F29B11B5B" ma:contentTypeVersion="17" ma:contentTypeDescription="Opret et nyt dokument." ma:contentTypeScope="" ma:versionID="338c7732a689624e91e4e8d8ab641235">
  <xsd:schema xmlns:xsd="http://www.w3.org/2001/XMLSchema" xmlns:xs="http://www.w3.org/2001/XMLSchema" xmlns:p="http://schemas.microsoft.com/office/2006/metadata/properties" xmlns:ns3="34fc8316-f924-4053-9330-ed9809bd7757" xmlns:ns4="0730dff3-a7eb-40c8-9129-8dd8ef95a4a7" targetNamespace="http://schemas.microsoft.com/office/2006/metadata/properties" ma:root="true" ma:fieldsID="3ca692ccee55ea7740bf674d720df123" ns3:_="" ns4:_="">
    <xsd:import namespace="34fc8316-f924-4053-9330-ed9809bd7757"/>
    <xsd:import namespace="0730dff3-a7eb-40c8-9129-8dd8ef95a4a7"/>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LengthInSeconds" minOccurs="0"/>
                <xsd:element ref="ns3:MediaServiceAutoKeyPoints" minOccurs="0"/>
                <xsd:element ref="ns3:MediaServiceKeyPoints" minOccurs="0"/>
                <xsd:element ref="ns3:MediaServiceAutoTags"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OCR" minOccurs="0"/>
                <xsd:element ref="ns3:_activity" minOccurs="0"/>
                <xsd:element ref="ns3:MediaServiceObjectDetectorVersions" minOccurs="0"/>
                <xsd:element ref="ns3:MediaServiceSystemTags"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4fc8316-f924-4053-9330-ed9809bd775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OCR" ma:index="20" nillable="true" ma:displayName="Extracted Text" ma:internalName="MediaServiceOCR" ma:readOnly="true">
      <xsd:simpleType>
        <xsd:restriction base="dms:Note">
          <xsd:maxLength value="255"/>
        </xsd:restriction>
      </xsd:simpleType>
    </xsd:element>
    <xsd:element name="_activity" ma:index="21" nillable="true" ma:displayName="_activity" ma:hidden="true" ma:internalName="_activity">
      <xsd:simpleType>
        <xsd:restriction base="dms:Note"/>
      </xsd:simpleType>
    </xsd:element>
    <xsd:element name="MediaServiceObjectDetectorVersions" ma:index="22" nillable="true" ma:displayName="MediaServiceObjectDetectorVersions" ma:hidden="true" ma:indexed="true" ma:internalName="MediaServiceObjectDetectorVersions" ma:readOnly="true">
      <xsd:simpleType>
        <xsd:restriction base="dms:Text"/>
      </xsd:simpleType>
    </xsd:element>
    <xsd:element name="MediaServiceSystemTags" ma:index="23" nillable="true" ma:displayName="MediaServiceSystemTags" ma:hidden="true" ma:internalName="MediaServiceSystemTags" ma:readOnly="true">
      <xsd:simpleType>
        <xsd:restriction base="dms:Note"/>
      </xsd:simpleType>
    </xsd:element>
    <xsd:element name="MediaServiceSearchProperties" ma:index="24"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0730dff3-a7eb-40c8-9129-8dd8ef95a4a7" elementFormDefault="qualified">
    <xsd:import namespace="http://schemas.microsoft.com/office/2006/documentManagement/types"/>
    <xsd:import namespace="http://schemas.microsoft.com/office/infopath/2007/PartnerControls"/>
    <xsd:element name="SharedWithUsers" ma:index="17"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Delt med detaljer" ma:internalName="SharedWithDetails" ma:readOnly="true">
      <xsd:simpleType>
        <xsd:restriction base="dms:Note">
          <xsd:maxLength value="255"/>
        </xsd:restriction>
      </xsd:simpleType>
    </xsd:element>
    <xsd:element name="SharingHintHash" ma:index="19"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750AC00-96EE-4A6C-BA0F-4742FFC8D91B}">
  <ds:schemaRefs>
    <ds:schemaRef ds:uri="0730dff3-a7eb-40c8-9129-8dd8ef95a4a7"/>
    <ds:schemaRef ds:uri="http://purl.org/dc/dcmitype/"/>
    <ds:schemaRef ds:uri="34fc8316-f924-4053-9330-ed9809bd7757"/>
    <ds:schemaRef ds:uri="http://purl.org/dc/elements/1.1/"/>
    <ds:schemaRef ds:uri="http://schemas.microsoft.com/office/2006/metadata/properties"/>
    <ds:schemaRef ds:uri="http://schemas.microsoft.com/office/2006/documentManagement/types"/>
    <ds:schemaRef ds:uri="http://purl.org/dc/term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B0C9E5EA-C3BA-46C3-B00B-5AED27508930}">
  <ds:schemaRefs>
    <ds:schemaRef ds:uri="http://schemas.microsoft.com/sharepoint/v3/contenttype/forms"/>
  </ds:schemaRefs>
</ds:datastoreItem>
</file>

<file path=customXml/itemProps3.xml><?xml version="1.0" encoding="utf-8"?>
<ds:datastoreItem xmlns:ds="http://schemas.openxmlformats.org/officeDocument/2006/customXml" ds:itemID="{71DBADA0-85B5-4455-8A46-C4AF8B1A261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4fc8316-f924-4053-9330-ed9809bd7757"/>
    <ds:schemaRef ds:uri="0730dff3-a7eb-40c8-9129-8dd8ef95a4a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8530</TotalTime>
  <Words>1184</Words>
  <Application>Microsoft Office PowerPoint</Application>
  <PresentationFormat>Widescreen</PresentationFormat>
  <Paragraphs>181</Paragraphs>
  <Slides>24</Slides>
  <Notes>15</Notes>
  <HiddenSlides>0</HiddenSlides>
  <MMClips>0</MMClips>
  <ScaleCrop>false</ScaleCrop>
  <HeadingPairs>
    <vt:vector size="6" baseType="variant">
      <vt:variant>
        <vt:lpstr>Benyttede skrifttyper</vt:lpstr>
      </vt:variant>
      <vt:variant>
        <vt:i4>4</vt:i4>
      </vt:variant>
      <vt:variant>
        <vt:lpstr>Tema</vt:lpstr>
      </vt:variant>
      <vt:variant>
        <vt:i4>2</vt:i4>
      </vt:variant>
      <vt:variant>
        <vt:lpstr>Slidetitler</vt:lpstr>
      </vt:variant>
      <vt:variant>
        <vt:i4>24</vt:i4>
      </vt:variant>
    </vt:vector>
  </HeadingPairs>
  <TitlesOfParts>
    <vt:vector size="30" baseType="lpstr">
      <vt:lpstr>Arial</vt:lpstr>
      <vt:lpstr>Arial Nova</vt:lpstr>
      <vt:lpstr>Calibri</vt:lpstr>
      <vt:lpstr>Wingdings</vt:lpstr>
      <vt:lpstr>Vejdirektoratet</vt:lpstr>
      <vt:lpstr>Vejdirektoratet</vt:lpstr>
      <vt:lpstr>Udbud og tilbud fra ordregiver perspektiv</vt:lpstr>
      <vt:lpstr>Agenda </vt:lpstr>
      <vt:lpstr>Lidt om mig…</vt:lpstr>
      <vt:lpstr>Baggrund</vt:lpstr>
      <vt:lpstr>Vejdirektoratet </vt:lpstr>
      <vt:lpstr>Vejdirektoratet</vt:lpstr>
      <vt:lpstr>VDs indkøbsvolumen</vt:lpstr>
      <vt:lpstr>Ordregivers pligt og ansvar</vt:lpstr>
      <vt:lpstr>Generelt lovmæssighed </vt:lpstr>
      <vt:lpstr>Ordregivers forventninger</vt:lpstr>
      <vt:lpstr>Ordregivers behov og hensyn </vt:lpstr>
      <vt:lpstr>Ordregivers forventninger</vt:lpstr>
      <vt:lpstr>Udbudsretlige udfordringer</vt:lpstr>
      <vt:lpstr>Hvorfor er ordregiver nødsaget til at afvise ansøgninger/tilbud</vt:lpstr>
      <vt:lpstr>Udbudsretlige udfordringer (forbehold)</vt:lpstr>
      <vt:lpstr>I. Manglende overholdelse af materielle krav </vt:lpstr>
      <vt:lpstr> II. Manglende overholdelse af materielle krav</vt:lpstr>
      <vt:lpstr>III. Manglende overholdelse af formelle krav</vt:lpstr>
      <vt:lpstr>IV. Manglende overholdelse af formelle krav</vt:lpstr>
      <vt:lpstr>Opsummering fast praksis</vt:lpstr>
      <vt:lpstr>Succes med  udbud </vt:lpstr>
      <vt:lpstr>Vores anbefalinger </vt:lpstr>
      <vt:lpstr>Spørgsmål</vt:lpstr>
      <vt:lpstr>Tak for i dag!</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ådgivning om indkøb</dc:title>
  <dc:creator>Derya Gür</dc:creator>
  <cp:lastModifiedBy>Ilham Timimi</cp:lastModifiedBy>
  <cp:revision>5</cp:revision>
  <cp:lastPrinted>2024-08-26T11:38:54Z</cp:lastPrinted>
  <dcterms:created xsi:type="dcterms:W3CDTF">2023-08-31T06:58:56Z</dcterms:created>
  <dcterms:modified xsi:type="dcterms:W3CDTF">2024-09-19T12:27: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4-24T14:01:33.2575530Z</vt:lpwstr>
  </property>
  <property fmtid="{D5CDD505-2E9C-101B-9397-08002B2CF9AE}" pid="3" name="ContentTypeId">
    <vt:lpwstr>0x0101008CC02ECA871BF049ACD7216F29B11B5B</vt:lpwstr>
  </property>
  <property fmtid="{D5CDD505-2E9C-101B-9397-08002B2CF9AE}" pid="4" name="CloudStatistics_StoryID">
    <vt:lpwstr>e32b8ae1-0fde-4ec1-8255-9e9ed21810ba</vt:lpwstr>
  </property>
</Properties>
</file>